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2年度分\☆HP原稿\02_項目別（統計以降）（Excel）\01_統計\"/>
    </mc:Choice>
  </mc:AlternateContent>
  <bookViews>
    <workbookView xWindow="12" yWindow="-36" windowWidth="14736" windowHeight="4068"/>
  </bookViews>
  <sheets>
    <sheet name="第1表" sheetId="2" r:id="rId1"/>
    <sheet name="第２～４表" sheetId="1" r:id="rId2"/>
    <sheet name="第5表" sheetId="3" r:id="rId3"/>
  </sheets>
  <definedNames>
    <definedName name="_Key1" hidden="1">#REF!</definedName>
    <definedName name="_Order1" hidden="1">0</definedName>
    <definedName name="\b">#REF!</definedName>
    <definedName name="_xlnm.Print_Area" localSheetId="0">第1表!$A$1:$Y$48</definedName>
    <definedName name="_xlnm.Print_Area" localSheetId="1">'第２～４表'!$A$1:$N$43</definedName>
    <definedName name="_xlnm.Print_Area" localSheetId="2">第5表!$A$1:$Q$47</definedName>
    <definedName name="_xlnm.Print_Titles" localSheetId="2">第5表!$A:$B</definedName>
  </definedNames>
  <calcPr calcId="152511"/>
</workbook>
</file>

<file path=xl/sharedStrings.xml><?xml version="1.0" encoding="utf-8"?>
<sst xmlns="http://schemas.openxmlformats.org/spreadsheetml/2006/main" count="271" uniqueCount="217">
  <si>
    <t>市町村</t>
    <rPh sb="0" eb="3">
      <t>シチョウソン</t>
    </rPh>
    <phoneticPr fontId="2"/>
  </si>
  <si>
    <t>組合</t>
    <rPh sb="0" eb="2">
      <t>クミアイ</t>
    </rPh>
    <phoneticPr fontId="2"/>
  </si>
  <si>
    <t>計</t>
    <rPh sb="0" eb="1">
      <t>ケイ</t>
    </rPh>
    <phoneticPr fontId="2"/>
  </si>
  <si>
    <t>世帯数</t>
    <rPh sb="0" eb="3">
      <t>セタイスウ</t>
    </rPh>
    <phoneticPr fontId="2"/>
  </si>
  <si>
    <t>被保険者数（人）</t>
    <rPh sb="0" eb="5">
      <t>ヒ</t>
    </rPh>
    <rPh sb="6" eb="7">
      <t>ヒト</t>
    </rPh>
    <phoneticPr fontId="2"/>
  </si>
  <si>
    <t>加入率（％）</t>
    <rPh sb="0" eb="3">
      <t>カニュウリツ</t>
    </rPh>
    <phoneticPr fontId="2"/>
  </si>
  <si>
    <t>被保険者数</t>
    <rPh sb="0" eb="5">
      <t>ヒ</t>
    </rPh>
    <phoneticPr fontId="2"/>
  </si>
  <si>
    <t>事務職員数</t>
    <rPh sb="0" eb="2">
      <t>ジム</t>
    </rPh>
    <rPh sb="2" eb="5">
      <t>ショクインスウ</t>
    </rPh>
    <phoneticPr fontId="2"/>
  </si>
  <si>
    <t>（各年度末・各月末現在）</t>
    <rPh sb="1" eb="4">
      <t>カクネンド</t>
    </rPh>
    <rPh sb="4" eb="5">
      <t>マツ</t>
    </rPh>
    <rPh sb="6" eb="7">
      <t>カク</t>
    </rPh>
    <rPh sb="7" eb="8">
      <t>ツキ</t>
    </rPh>
    <rPh sb="8" eb="9">
      <t>マツ</t>
    </rPh>
    <rPh sb="9" eb="11">
      <t>ゲンザイ</t>
    </rPh>
    <phoneticPr fontId="2"/>
  </si>
  <si>
    <t>Ａ（世帯）</t>
    <rPh sb="2" eb="4">
      <t>セタイ</t>
    </rPh>
    <phoneticPr fontId="2"/>
  </si>
  <si>
    <t>Ｂ（人）</t>
    <rPh sb="2" eb="3">
      <t>ヒト</t>
    </rPh>
    <phoneticPr fontId="2"/>
  </si>
  <si>
    <t>Ｃ（人）</t>
    <rPh sb="2" eb="3">
      <t>ヒト</t>
    </rPh>
    <phoneticPr fontId="2"/>
  </si>
  <si>
    <t>（人）</t>
    <rPh sb="1" eb="2">
      <t>ヒト</t>
    </rPh>
    <phoneticPr fontId="2"/>
  </si>
  <si>
    <t>第２表　一般状況の推移</t>
    <rPh sb="0" eb="1">
      <t>ダイ</t>
    </rPh>
    <rPh sb="2" eb="3">
      <t>ヒョウ</t>
    </rPh>
    <rPh sb="4" eb="6">
      <t>イッパン</t>
    </rPh>
    <rPh sb="6" eb="8">
      <t>ジョウキョウ</t>
    </rPh>
    <rPh sb="9" eb="11">
      <t>スイイ</t>
    </rPh>
    <phoneticPr fontId="2"/>
  </si>
  <si>
    <t>第３表　国保加入率の推移</t>
    <rPh sb="0" eb="1">
      <t>ダイ</t>
    </rPh>
    <rPh sb="2" eb="3">
      <t>ヒョウ</t>
    </rPh>
    <rPh sb="4" eb="6">
      <t>コクホ</t>
    </rPh>
    <rPh sb="6" eb="9">
      <t>カニュウリツ</t>
    </rPh>
    <rPh sb="10" eb="12">
      <t>スイイ</t>
    </rPh>
    <phoneticPr fontId="2"/>
  </si>
  <si>
    <t>介護第２号被保険者数</t>
    <rPh sb="0" eb="2">
      <t>カイゴ</t>
    </rPh>
    <rPh sb="2" eb="3">
      <t>ダイ</t>
    </rPh>
    <rPh sb="4" eb="5">
      <t>ゴウ</t>
    </rPh>
    <rPh sb="5" eb="10">
      <t>ヒ</t>
    </rPh>
    <phoneticPr fontId="2"/>
  </si>
  <si>
    <t>Ａ÷Ｃ</t>
    <phoneticPr fontId="2"/>
  </si>
  <si>
    <t>第４表　事務職員数の推移</t>
    <rPh sb="0" eb="1">
      <t>ダイ</t>
    </rPh>
    <rPh sb="2" eb="3">
      <t>ヒョウ</t>
    </rPh>
    <rPh sb="4" eb="6">
      <t>ジム</t>
    </rPh>
    <rPh sb="6" eb="9">
      <t>ショクインスウ</t>
    </rPh>
    <rPh sb="10" eb="12">
      <t>スイイ</t>
    </rPh>
    <phoneticPr fontId="2"/>
  </si>
  <si>
    <t>区     分</t>
    <rPh sb="0" eb="1">
      <t>ク</t>
    </rPh>
    <rPh sb="6" eb="7">
      <t>ブン</t>
    </rPh>
    <phoneticPr fontId="2"/>
  </si>
  <si>
    <t>人  口（人）</t>
    <rPh sb="0" eb="1">
      <t>ヒト</t>
    </rPh>
    <rPh sb="3" eb="4">
      <t>クチ</t>
    </rPh>
    <rPh sb="5" eb="6">
      <t>ヒト</t>
    </rPh>
    <phoneticPr fontId="2"/>
  </si>
  <si>
    <t>（５月）</t>
    <rPh sb="2" eb="3">
      <t>ツキ</t>
    </rPh>
    <phoneticPr fontId="2"/>
  </si>
  <si>
    <t>（６月）</t>
    <rPh sb="2" eb="3">
      <t>ツキ</t>
    </rPh>
    <phoneticPr fontId="2"/>
  </si>
  <si>
    <t>（７月）</t>
    <rPh sb="2" eb="3">
      <t>ツキ</t>
    </rPh>
    <phoneticPr fontId="2"/>
  </si>
  <si>
    <t>（８月）</t>
    <rPh sb="2" eb="3">
      <t>ツキ</t>
    </rPh>
    <phoneticPr fontId="2"/>
  </si>
  <si>
    <t>（９月）</t>
    <rPh sb="2" eb="3">
      <t>ツキ</t>
    </rPh>
    <phoneticPr fontId="2"/>
  </si>
  <si>
    <t>（11月）</t>
    <rPh sb="3" eb="4">
      <t>ツキ</t>
    </rPh>
    <phoneticPr fontId="2"/>
  </si>
  <si>
    <t>（12月）</t>
    <rPh sb="3" eb="4">
      <t>ツキ</t>
    </rPh>
    <phoneticPr fontId="2"/>
  </si>
  <si>
    <t>（１月）</t>
    <rPh sb="2" eb="3">
      <t>ツキ</t>
    </rPh>
    <phoneticPr fontId="2"/>
  </si>
  <si>
    <t>（２月）</t>
    <rPh sb="2" eb="3">
      <t>ツキ</t>
    </rPh>
    <phoneticPr fontId="2"/>
  </si>
  <si>
    <t>（３月）</t>
    <rPh sb="2" eb="3">
      <t>ツキ</t>
    </rPh>
    <phoneticPr fontId="2"/>
  </si>
  <si>
    <t>（10月）</t>
    <rPh sb="3" eb="4">
      <t>ツキ</t>
    </rPh>
    <phoneticPr fontId="2"/>
  </si>
  <si>
    <t>Ｂ÷Ｃ</t>
    <phoneticPr fontId="2"/>
  </si>
  <si>
    <t>.</t>
    <phoneticPr fontId="2"/>
  </si>
  <si>
    <t>平成30年度</t>
    <rPh sb="0" eb="2">
      <t>ヘイセイ</t>
    </rPh>
    <rPh sb="4" eb="6">
      <t>ネンド</t>
    </rPh>
    <phoneticPr fontId="2"/>
  </si>
  <si>
    <t>令和元年度</t>
    <rPh sb="0" eb="2">
      <t>レイワ</t>
    </rPh>
    <rPh sb="2" eb="4">
      <t>ガンネン</t>
    </rPh>
    <rPh sb="4" eb="5">
      <t>ド</t>
    </rPh>
    <phoneticPr fontId="2"/>
  </si>
  <si>
    <t>平成27年度</t>
    <rPh sb="0" eb="2">
      <t>ヘイセイ</t>
    </rPh>
    <phoneticPr fontId="2"/>
  </si>
  <si>
    <t>平成28年度</t>
    <rPh sb="0" eb="2">
      <t>ヘイセイ</t>
    </rPh>
    <rPh sb="4" eb="6">
      <t>ネンド</t>
    </rPh>
    <phoneticPr fontId="2"/>
  </si>
  <si>
    <t>平成29年度</t>
    <rPh sb="0" eb="2">
      <t>ヘイセイ</t>
    </rPh>
    <phoneticPr fontId="2"/>
  </si>
  <si>
    <t>保険者数　　市町村33　　組合６</t>
    <rPh sb="0" eb="3">
      <t>ホケンシャ</t>
    </rPh>
    <rPh sb="3" eb="4">
      <t>スウ</t>
    </rPh>
    <rPh sb="6" eb="9">
      <t>シチョウソン</t>
    </rPh>
    <rPh sb="13" eb="15">
      <t>クミアイ</t>
    </rPh>
    <phoneticPr fontId="2"/>
  </si>
  <si>
    <t>令和元年度</t>
    <rPh sb="0" eb="2">
      <t>レイワ</t>
    </rPh>
    <rPh sb="2" eb="3">
      <t>モト</t>
    </rPh>
    <rPh sb="3" eb="5">
      <t>ネンド</t>
    </rPh>
    <phoneticPr fontId="2"/>
  </si>
  <si>
    <t>（注１）（　　）内は対前年度伸び率（％）</t>
    <rPh sb="1" eb="2">
      <t>チュウ</t>
    </rPh>
    <rPh sb="8" eb="9">
      <t>ナイ</t>
    </rPh>
    <phoneticPr fontId="2"/>
  </si>
  <si>
    <t>　    ｢世帯数」「被保険者数」「介護第２号被保険者数」は、市町村３～２月分、組合４～３月分</t>
    <rPh sb="6" eb="9">
      <t>セタイスウ</t>
    </rPh>
    <rPh sb="11" eb="12">
      <t>ヒ</t>
    </rPh>
    <rPh sb="12" eb="14">
      <t>ホケン</t>
    </rPh>
    <rPh sb="14" eb="15">
      <t>シャ</t>
    </rPh>
    <rPh sb="15" eb="16">
      <t>スウ</t>
    </rPh>
    <rPh sb="18" eb="20">
      <t>カイゴ</t>
    </rPh>
    <rPh sb="20" eb="21">
      <t>ダイ</t>
    </rPh>
    <rPh sb="21" eb="23">
      <t>ニゴウ</t>
    </rPh>
    <rPh sb="23" eb="27">
      <t>ヒホケンシャ</t>
    </rPh>
    <rPh sb="27" eb="28">
      <t>スウ</t>
    </rPh>
    <rPh sb="31" eb="34">
      <t>シチョウソン</t>
    </rPh>
    <rPh sb="37" eb="38">
      <t>ツキ</t>
    </rPh>
    <rPh sb="38" eb="39">
      <t>ブン</t>
    </rPh>
    <rPh sb="40" eb="42">
      <t>クミアイ</t>
    </rPh>
    <phoneticPr fontId="0"/>
  </si>
  <si>
    <t>平成27年度</t>
    <rPh sb="0" eb="2">
      <t>ヘイセイ</t>
    </rPh>
    <rPh sb="4" eb="6">
      <t>ネンド</t>
    </rPh>
    <phoneticPr fontId="2"/>
  </si>
  <si>
    <t>平成29年度</t>
    <rPh sb="0" eb="2">
      <t>ヘイセイ</t>
    </rPh>
    <rPh sb="4" eb="6">
      <t>ネンド</t>
    </rPh>
    <phoneticPr fontId="2"/>
  </si>
  <si>
    <t>第２表　一般状況の推移（前ページ続き）</t>
    <rPh sb="0" eb="1">
      <t>ダイ</t>
    </rPh>
    <rPh sb="2" eb="3">
      <t>ヒョウ</t>
    </rPh>
    <rPh sb="4" eb="6">
      <t>イッパン</t>
    </rPh>
    <rPh sb="6" eb="8">
      <t>ジョウキョウ</t>
    </rPh>
    <rPh sb="9" eb="11">
      <t>スイイ</t>
    </rPh>
    <rPh sb="12" eb="13">
      <t>マエ</t>
    </rPh>
    <rPh sb="16" eb="17">
      <t>ツヅ</t>
    </rPh>
    <phoneticPr fontId="2"/>
  </si>
  <si>
    <t>組合
（４月）</t>
    <rPh sb="0" eb="1">
      <t>クミ</t>
    </rPh>
    <rPh sb="1" eb="2">
      <t>ゴウ</t>
    </rPh>
    <rPh sb="5" eb="6">
      <t>ガツ</t>
    </rPh>
    <phoneticPr fontId="2"/>
  </si>
  <si>
    <t>　　　　　区 分
年度・月</t>
    <rPh sb="5" eb="6">
      <t>ク</t>
    </rPh>
    <rPh sb="7" eb="8">
      <t>ブン</t>
    </rPh>
    <rPh sb="9" eb="11">
      <t>ネンド</t>
    </rPh>
    <rPh sb="12" eb="13">
      <t>ツキ</t>
    </rPh>
    <phoneticPr fontId="2"/>
  </si>
  <si>
    <t>　　区　　分</t>
    <rPh sb="2" eb="3">
      <t>ク</t>
    </rPh>
    <rPh sb="5" eb="6">
      <t>ブン</t>
    </rPh>
    <phoneticPr fontId="2"/>
  </si>
  <si>
    <t>（世帯）</t>
    <phoneticPr fontId="2"/>
  </si>
  <si>
    <t>（注）（　）内は対前年度伸び率（％）</t>
    <rPh sb="1" eb="2">
      <t>チュウ</t>
    </rPh>
    <rPh sb="6" eb="7">
      <t>ナイ</t>
    </rPh>
    <rPh sb="8" eb="9">
      <t>タイ</t>
    </rPh>
    <rPh sb="9" eb="12">
      <t>ゼンネンド</t>
    </rPh>
    <rPh sb="12" eb="13">
      <t>ノ</t>
    </rPh>
    <rPh sb="14" eb="15">
      <t>リツ</t>
    </rPh>
    <phoneticPr fontId="2"/>
  </si>
  <si>
    <t>令和２年度</t>
    <rPh sb="0" eb="2">
      <t>レイワ</t>
    </rPh>
    <rPh sb="3" eb="5">
      <t>ネンド</t>
    </rPh>
    <rPh sb="4" eb="5">
      <t>ド</t>
    </rPh>
    <phoneticPr fontId="2"/>
  </si>
  <si>
    <t>令和２年 4月</t>
    <rPh sb="0" eb="2">
      <t>レイワ</t>
    </rPh>
    <rPh sb="6" eb="7">
      <t>ツキ</t>
    </rPh>
    <phoneticPr fontId="2"/>
  </si>
  <si>
    <t>令和２年 5月</t>
    <rPh sb="0" eb="2">
      <t>レイワ</t>
    </rPh>
    <rPh sb="6" eb="7">
      <t>ツキ</t>
    </rPh>
    <phoneticPr fontId="2"/>
  </si>
  <si>
    <t>令和２年 6月</t>
    <rPh sb="0" eb="2">
      <t>レイワ</t>
    </rPh>
    <rPh sb="6" eb="7">
      <t>ツキ</t>
    </rPh>
    <phoneticPr fontId="2"/>
  </si>
  <si>
    <t>令和２年 7月</t>
    <rPh sb="0" eb="2">
      <t>レイワ</t>
    </rPh>
    <rPh sb="6" eb="7">
      <t>ツキ</t>
    </rPh>
    <phoneticPr fontId="2"/>
  </si>
  <si>
    <t>令和２年 8月</t>
    <rPh sb="0" eb="2">
      <t>レイワ</t>
    </rPh>
    <rPh sb="3" eb="4">
      <t>ネン</t>
    </rPh>
    <rPh sb="6" eb="7">
      <t>ツキ</t>
    </rPh>
    <phoneticPr fontId="2"/>
  </si>
  <si>
    <t>令和２年 9月</t>
    <rPh sb="0" eb="2">
      <t>レイワ</t>
    </rPh>
    <rPh sb="6" eb="7">
      <t>ツキ</t>
    </rPh>
    <phoneticPr fontId="2"/>
  </si>
  <si>
    <t>令和２年10月</t>
    <rPh sb="0" eb="2">
      <t>レイワ</t>
    </rPh>
    <rPh sb="6" eb="7">
      <t>ツキ</t>
    </rPh>
    <phoneticPr fontId="2"/>
  </si>
  <si>
    <t>令和２年11月</t>
    <rPh sb="0" eb="2">
      <t>レイワ</t>
    </rPh>
    <rPh sb="6" eb="7">
      <t>ツキ</t>
    </rPh>
    <phoneticPr fontId="2"/>
  </si>
  <si>
    <t>令和２年12月</t>
    <rPh sb="0" eb="2">
      <t>レイワ</t>
    </rPh>
    <rPh sb="6" eb="7">
      <t>ツキ</t>
    </rPh>
    <phoneticPr fontId="2"/>
  </si>
  <si>
    <t>令和３年 1月</t>
    <rPh sb="0" eb="2">
      <t>レイワ</t>
    </rPh>
    <rPh sb="6" eb="7">
      <t>ツキ</t>
    </rPh>
    <phoneticPr fontId="2"/>
  </si>
  <si>
    <t>令和３年 2月</t>
    <rPh sb="0" eb="2">
      <t>レイワ</t>
    </rPh>
    <rPh sb="3" eb="4">
      <t>ネン</t>
    </rPh>
    <rPh sb="6" eb="7">
      <t>ツキ</t>
    </rPh>
    <phoneticPr fontId="2"/>
  </si>
  <si>
    <t>令和２年 3月　</t>
    <rPh sb="0" eb="2">
      <t>レイワ</t>
    </rPh>
    <rPh sb="3" eb="4">
      <t>ネン</t>
    </rPh>
    <rPh sb="4" eb="5">
      <t>ヘイネン</t>
    </rPh>
    <rPh sb="6" eb="7">
      <t>ツキ</t>
    </rPh>
    <phoneticPr fontId="2"/>
  </si>
  <si>
    <t>令和２年度</t>
    <rPh sb="0" eb="2">
      <t>レイワ</t>
    </rPh>
    <rPh sb="3" eb="5">
      <t>ネンド</t>
    </rPh>
    <phoneticPr fontId="2"/>
  </si>
  <si>
    <t xml:space="preserve">　　　 </t>
    <phoneticPr fontId="2"/>
  </si>
  <si>
    <t>（注２） 人口は、平成27年国勢調査速報値を基準にした推計人口</t>
    <rPh sb="1" eb="2">
      <t>チュウ</t>
    </rPh>
    <rPh sb="5" eb="7">
      <t>ジンコウ</t>
    </rPh>
    <rPh sb="9" eb="11">
      <t>ヘイセイ</t>
    </rPh>
    <rPh sb="13" eb="14">
      <t>ネン</t>
    </rPh>
    <rPh sb="14" eb="16">
      <t>コクセイ</t>
    </rPh>
    <rPh sb="16" eb="18">
      <t>チョウサ</t>
    </rPh>
    <phoneticPr fontId="2"/>
  </si>
  <si>
    <t>(注)　｢年間平均｣は市町村３～２月分、組合４～３月分。</t>
    <rPh sb="11" eb="14">
      <t>シチョウソン</t>
    </rPh>
    <rPh sb="17" eb="18">
      <t>ツキ</t>
    </rPh>
    <rPh sb="18" eb="19">
      <t>ブン</t>
    </rPh>
    <rPh sb="20" eb="22">
      <t>クミアイ</t>
    </rPh>
    <phoneticPr fontId="0"/>
  </si>
  <si>
    <t>－</t>
  </si>
  <si>
    <t>県　         　計</t>
    <phoneticPr fontId="0"/>
  </si>
  <si>
    <t>組  合  計</t>
    <phoneticPr fontId="0"/>
  </si>
  <si>
    <t>昭和45年８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建設連合</t>
    <phoneticPr fontId="0"/>
  </si>
  <si>
    <t>昭和45年７月13日</t>
    <rPh sb="0" eb="2">
      <t>ショウワ</t>
    </rPh>
    <rPh sb="4" eb="5">
      <t>ネン</t>
    </rPh>
    <rPh sb="6" eb="7">
      <t>ガツ</t>
    </rPh>
    <rPh sb="9" eb="10">
      <t>ニチ</t>
    </rPh>
    <phoneticPr fontId="0"/>
  </si>
  <si>
    <t xml:space="preserve"> 建設業</t>
    <phoneticPr fontId="0"/>
  </si>
  <si>
    <t>昭和36年２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薬剤師</t>
    <phoneticPr fontId="0"/>
  </si>
  <si>
    <t>昭和34年６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食品衛生</t>
    <phoneticPr fontId="0"/>
  </si>
  <si>
    <t>昭和33年11月１日</t>
    <rPh sb="0" eb="2">
      <t>ショウワ</t>
    </rPh>
    <rPh sb="4" eb="5">
      <t>ネン</t>
    </rPh>
    <rPh sb="7" eb="8">
      <t>ガツ</t>
    </rPh>
    <rPh sb="9" eb="10">
      <t>ニチ</t>
    </rPh>
    <phoneticPr fontId="0"/>
  </si>
  <si>
    <t xml:space="preserve"> 歯科医師</t>
    <phoneticPr fontId="0"/>
  </si>
  <si>
    <t xml:space="preserve"> 医　師</t>
    <phoneticPr fontId="0"/>
  </si>
  <si>
    <t>市町村計</t>
  </si>
  <si>
    <t>昭和31年９月30日</t>
    <rPh sb="0" eb="2">
      <t>ショウワ</t>
    </rPh>
    <rPh sb="4" eb="5">
      <t>ネン</t>
    </rPh>
    <rPh sb="6" eb="7">
      <t>ガツ</t>
    </rPh>
    <rPh sb="9" eb="10">
      <t>ニチ</t>
    </rPh>
    <phoneticPr fontId="0"/>
  </si>
  <si>
    <t xml:space="preserve"> 清川村</t>
  </si>
  <si>
    <t>昭和30年１月15日</t>
    <rPh sb="0" eb="2">
      <t>ショウワ</t>
    </rPh>
    <rPh sb="4" eb="5">
      <t>ネン</t>
    </rPh>
    <rPh sb="6" eb="7">
      <t>ガツ</t>
    </rPh>
    <rPh sb="9" eb="10">
      <t>ニチ</t>
    </rPh>
    <phoneticPr fontId="0"/>
  </si>
  <si>
    <t xml:space="preserve"> 愛川町</t>
  </si>
  <si>
    <t>昭和30年４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湯河原町</t>
  </si>
  <si>
    <t>昭和30年９月30日</t>
    <rPh sb="0" eb="2">
      <t>ショウワ</t>
    </rPh>
    <rPh sb="4" eb="5">
      <t>ネン</t>
    </rPh>
    <rPh sb="6" eb="7">
      <t>ガツ</t>
    </rPh>
    <rPh sb="9" eb="10">
      <t>ニチ</t>
    </rPh>
    <phoneticPr fontId="0"/>
  </si>
  <si>
    <t xml:space="preserve"> 真鶴町</t>
  </si>
  <si>
    <t xml:space="preserve"> 箱根町</t>
  </si>
  <si>
    <t>昭和30年２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開成町</t>
  </si>
  <si>
    <t xml:space="preserve"> 山北町</t>
  </si>
  <si>
    <t>昭和31年４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松田町</t>
  </si>
  <si>
    <t xml:space="preserve"> 大井町</t>
  </si>
  <si>
    <t>昭和25年４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中井町</t>
  </si>
  <si>
    <t>昭和26年６月１日</t>
    <phoneticPr fontId="0"/>
  </si>
  <si>
    <t xml:space="preserve"> 二宮町</t>
  </si>
  <si>
    <t>昭和29年12月１日</t>
    <rPh sb="0" eb="2">
      <t>ショウワ</t>
    </rPh>
    <rPh sb="4" eb="5">
      <t>ネン</t>
    </rPh>
    <rPh sb="7" eb="8">
      <t>ガツ</t>
    </rPh>
    <rPh sb="9" eb="10">
      <t>ニチ</t>
    </rPh>
    <phoneticPr fontId="0"/>
  </si>
  <si>
    <t xml:space="preserve"> 大磯町</t>
  </si>
  <si>
    <t>昭和25年１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綾瀬市</t>
  </si>
  <si>
    <t>昭和25年７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寒川町</t>
  </si>
  <si>
    <t>昭和34年10月１日</t>
    <rPh sb="0" eb="2">
      <t>ショウワ</t>
    </rPh>
    <rPh sb="4" eb="5">
      <t>ネン</t>
    </rPh>
    <rPh sb="7" eb="8">
      <t>ガツ</t>
    </rPh>
    <rPh sb="9" eb="10">
      <t>ニチ</t>
    </rPh>
    <phoneticPr fontId="0"/>
  </si>
  <si>
    <t xml:space="preserve"> 葉山町</t>
  </si>
  <si>
    <t>昭和34年４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南足柄市</t>
  </si>
  <si>
    <t xml:space="preserve"> 座間市</t>
  </si>
  <si>
    <t>昭和30年７月20日</t>
    <rPh sb="0" eb="2">
      <t>ショウワ</t>
    </rPh>
    <rPh sb="4" eb="5">
      <t>ネン</t>
    </rPh>
    <rPh sb="6" eb="7">
      <t>ガツ</t>
    </rPh>
    <rPh sb="9" eb="10">
      <t>ニチ</t>
    </rPh>
    <phoneticPr fontId="0"/>
  </si>
  <si>
    <t xml:space="preserve"> 海老名市</t>
  </si>
  <si>
    <t xml:space="preserve"> 伊勢原市</t>
  </si>
  <si>
    <t>昭和25年３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大和市</t>
  </si>
  <si>
    <t xml:space="preserve"> 厚木市</t>
  </si>
  <si>
    <t>昭和30年１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秦野市</t>
  </si>
  <si>
    <t xml:space="preserve"> 三浦市</t>
  </si>
  <si>
    <t xml:space="preserve"> 相模原市</t>
  </si>
  <si>
    <t xml:space="preserve"> 逗子市</t>
  </si>
  <si>
    <t>昭和30年４月５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茅ヶ崎市</t>
  </si>
  <si>
    <t>昭和26年４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小田原市</t>
  </si>
  <si>
    <t>昭和29年７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藤沢市</t>
  </si>
  <si>
    <t xml:space="preserve"> 鎌倉市</t>
  </si>
  <si>
    <t>昭和29年７月15日</t>
    <rPh sb="0" eb="2">
      <t>ショウワ</t>
    </rPh>
    <rPh sb="4" eb="5">
      <t>ネン</t>
    </rPh>
    <rPh sb="6" eb="7">
      <t>ガツ</t>
    </rPh>
    <rPh sb="9" eb="10">
      <t>ニチ</t>
    </rPh>
    <phoneticPr fontId="0"/>
  </si>
  <si>
    <t xml:space="preserve"> 平塚市</t>
  </si>
  <si>
    <t>昭和31年11月１日</t>
    <rPh sb="0" eb="2">
      <t>ショウワ</t>
    </rPh>
    <rPh sb="4" eb="5">
      <t>ネン</t>
    </rPh>
    <rPh sb="7" eb="8">
      <t>ガツ</t>
    </rPh>
    <rPh sb="9" eb="10">
      <t>ニチ</t>
    </rPh>
    <phoneticPr fontId="0"/>
  </si>
  <si>
    <t xml:space="preserve"> 横須賀市</t>
  </si>
  <si>
    <t xml:space="preserve"> 川崎市</t>
  </si>
  <si>
    <t>昭和36年４月１日</t>
    <rPh sb="0" eb="2">
      <t>ショウワ</t>
    </rPh>
    <rPh sb="4" eb="5">
      <t>ネン</t>
    </rPh>
    <rPh sb="6" eb="7">
      <t>ガツ</t>
    </rPh>
    <rPh sb="8" eb="9">
      <t>ニチ</t>
    </rPh>
    <phoneticPr fontId="0"/>
  </si>
  <si>
    <t xml:space="preserve"> 横浜市</t>
    <phoneticPr fontId="0"/>
  </si>
  <si>
    <t>兼任</t>
    <phoneticPr fontId="0"/>
  </si>
  <si>
    <t>専任</t>
    <phoneticPr fontId="0"/>
  </si>
  <si>
    <t>年間平均</t>
    <phoneticPr fontId="0"/>
  </si>
  <si>
    <t>年度末</t>
    <phoneticPr fontId="0"/>
  </si>
  <si>
    <t>年間平均</t>
  </si>
  <si>
    <t>年度末</t>
  </si>
  <si>
    <t>計</t>
    <phoneticPr fontId="0"/>
  </si>
  <si>
    <t>被 扶 養 者</t>
  </si>
  <si>
    <t>本　　人</t>
  </si>
  <si>
    <t xml:space="preserve">混 合 世 帯 </t>
  </si>
  <si>
    <t xml:space="preserve">単 独 世 帯 </t>
  </si>
  <si>
    <t>保険者名</t>
  </si>
  <si>
    <t>事務
職員数</t>
    <rPh sb="3" eb="6">
      <t>ショクインスウ</t>
    </rPh>
    <phoneticPr fontId="0"/>
  </si>
  <si>
    <t>介 護 第 ２ 号
被 保 険 者 数</t>
    <rPh sb="0" eb="1">
      <t>スケ</t>
    </rPh>
    <rPh sb="2" eb="3">
      <t>マモル</t>
    </rPh>
    <rPh sb="4" eb="5">
      <t>ダイ</t>
    </rPh>
    <rPh sb="8" eb="9">
      <t>ゴウ</t>
    </rPh>
    <rPh sb="10" eb="11">
      <t>ヒ</t>
    </rPh>
    <rPh sb="12" eb="13">
      <t>タモツ</t>
    </rPh>
    <rPh sb="14" eb="15">
      <t>ケン</t>
    </rPh>
    <rPh sb="16" eb="17">
      <t>モノ</t>
    </rPh>
    <rPh sb="18" eb="19">
      <t>スウ</t>
    </rPh>
    <phoneticPr fontId="0"/>
  </si>
  <si>
    <t>退   職   被   保   険   者   等   数</t>
    <phoneticPr fontId="0"/>
  </si>
  <si>
    <t>前 期 高 齢 者 数</t>
    <rPh sb="0" eb="1">
      <t>マエ</t>
    </rPh>
    <rPh sb="2" eb="3">
      <t>キ</t>
    </rPh>
    <rPh sb="4" eb="5">
      <t>タカ</t>
    </rPh>
    <rPh sb="6" eb="7">
      <t>ヨワイ</t>
    </rPh>
    <rPh sb="8" eb="9">
      <t>シャ</t>
    </rPh>
    <rPh sb="10" eb="11">
      <t>スウ</t>
    </rPh>
    <phoneticPr fontId="0"/>
  </si>
  <si>
    <t>一 般 被 保 険 者 数</t>
    <rPh sb="0" eb="1">
      <t>イチ</t>
    </rPh>
    <rPh sb="2" eb="3">
      <t>パン</t>
    </rPh>
    <rPh sb="4" eb="5">
      <t>ヒ</t>
    </rPh>
    <rPh sb="6" eb="7">
      <t>ホ</t>
    </rPh>
    <rPh sb="8" eb="9">
      <t>ケン</t>
    </rPh>
    <rPh sb="10" eb="11">
      <t>シャ</t>
    </rPh>
    <rPh sb="12" eb="13">
      <t>スウ</t>
    </rPh>
    <phoneticPr fontId="0"/>
  </si>
  <si>
    <t>被保険者総数</t>
    <phoneticPr fontId="0"/>
  </si>
  <si>
    <t>退職世帯数 (再掲)</t>
    <phoneticPr fontId="0"/>
  </si>
  <si>
    <t>世帯数</t>
    <phoneticPr fontId="0"/>
  </si>
  <si>
    <t>事業開始年月日</t>
    <rPh sb="2" eb="4">
      <t>カイシ</t>
    </rPh>
    <rPh sb="4" eb="7">
      <t>ネンガッピ</t>
    </rPh>
    <phoneticPr fontId="0"/>
  </si>
  <si>
    <t>第１表　一般状況</t>
    <phoneticPr fontId="0"/>
  </si>
  <si>
    <t>１.一般状況</t>
  </si>
  <si>
    <t>県      　　計</t>
    <phoneticPr fontId="0"/>
  </si>
  <si>
    <t>組  合  計</t>
    <phoneticPr fontId="0"/>
  </si>
  <si>
    <t xml:space="preserve"> 建設業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 xml:space="preserve"> 医　師</t>
    <phoneticPr fontId="0"/>
  </si>
  <si>
    <t xml:space="preserve"> 清川村</t>
    <phoneticPr fontId="0"/>
  </si>
  <si>
    <t xml:space="preserve"> 愛川町</t>
    <phoneticPr fontId="0"/>
  </si>
  <si>
    <t xml:space="preserve"> 湯河原町</t>
    <phoneticPr fontId="0"/>
  </si>
  <si>
    <t xml:space="preserve"> 真鶴町</t>
    <phoneticPr fontId="0"/>
  </si>
  <si>
    <t xml:space="preserve"> 箱根町</t>
    <phoneticPr fontId="0"/>
  </si>
  <si>
    <t xml:space="preserve"> 開成町</t>
    <phoneticPr fontId="0"/>
  </si>
  <si>
    <t xml:space="preserve"> 山北町</t>
    <phoneticPr fontId="0"/>
  </si>
  <si>
    <t xml:space="preserve"> 松田町</t>
    <phoneticPr fontId="0"/>
  </si>
  <si>
    <t xml:space="preserve"> 大井町</t>
    <phoneticPr fontId="0"/>
  </si>
  <si>
    <t xml:space="preserve"> 中井町</t>
    <phoneticPr fontId="0"/>
  </si>
  <si>
    <t xml:space="preserve"> 二宮町</t>
    <phoneticPr fontId="0"/>
  </si>
  <si>
    <t xml:space="preserve"> 大磯町</t>
    <phoneticPr fontId="0"/>
  </si>
  <si>
    <t xml:space="preserve"> 綾瀬市</t>
    <phoneticPr fontId="0"/>
  </si>
  <si>
    <t xml:space="preserve"> 寒川町</t>
    <phoneticPr fontId="0"/>
  </si>
  <si>
    <t xml:space="preserve"> 葉山町</t>
    <phoneticPr fontId="0"/>
  </si>
  <si>
    <t xml:space="preserve"> 南足柄市</t>
    <phoneticPr fontId="0"/>
  </si>
  <si>
    <t xml:space="preserve"> 座間市</t>
    <phoneticPr fontId="0"/>
  </si>
  <si>
    <t xml:space="preserve"> 海老名市</t>
    <phoneticPr fontId="0"/>
  </si>
  <si>
    <t xml:space="preserve"> 伊勢原市</t>
    <phoneticPr fontId="0"/>
  </si>
  <si>
    <t xml:space="preserve"> 大和市</t>
    <phoneticPr fontId="0"/>
  </si>
  <si>
    <t xml:space="preserve"> 厚木市</t>
    <phoneticPr fontId="0"/>
  </si>
  <si>
    <t xml:space="preserve"> 秦野市</t>
    <phoneticPr fontId="0"/>
  </si>
  <si>
    <t xml:space="preserve"> 三浦市</t>
    <phoneticPr fontId="0"/>
  </si>
  <si>
    <t xml:space="preserve"> 相模原市</t>
    <phoneticPr fontId="0"/>
  </si>
  <si>
    <t xml:space="preserve"> 逗子市</t>
    <phoneticPr fontId="0"/>
  </si>
  <si>
    <t xml:space="preserve"> 茅ヶ崎市</t>
    <phoneticPr fontId="0"/>
  </si>
  <si>
    <t xml:space="preserve"> 小田原市</t>
    <phoneticPr fontId="0"/>
  </si>
  <si>
    <t xml:space="preserve"> 藤沢市</t>
    <phoneticPr fontId="0"/>
  </si>
  <si>
    <t xml:space="preserve"> 鎌倉市</t>
    <phoneticPr fontId="0"/>
  </si>
  <si>
    <t xml:space="preserve"> 平塚市</t>
    <phoneticPr fontId="0"/>
  </si>
  <si>
    <t xml:space="preserve"> 横須賀市</t>
    <phoneticPr fontId="0"/>
  </si>
  <si>
    <t xml:space="preserve"> 川崎市</t>
    <phoneticPr fontId="0"/>
  </si>
  <si>
    <t xml:space="preserve"> 横浜市</t>
    <phoneticPr fontId="0"/>
  </si>
  <si>
    <t>計</t>
  </si>
  <si>
    <t>その他</t>
  </si>
  <si>
    <t>後期　　加入</t>
    <rPh sb="0" eb="2">
      <t>コウキ</t>
    </rPh>
    <rPh sb="4" eb="6">
      <t>カニュウ</t>
    </rPh>
    <phoneticPr fontId="0"/>
  </si>
  <si>
    <t>死亡</t>
    <phoneticPr fontId="0"/>
  </si>
  <si>
    <t>生保
開始</t>
    <phoneticPr fontId="0"/>
  </si>
  <si>
    <t>社保
加入</t>
    <phoneticPr fontId="0"/>
  </si>
  <si>
    <t>転出</t>
    <phoneticPr fontId="0"/>
  </si>
  <si>
    <t>後期　　離脱</t>
    <rPh sb="0" eb="2">
      <t>コウキ</t>
    </rPh>
    <rPh sb="4" eb="6">
      <t>リダツ</t>
    </rPh>
    <phoneticPr fontId="0"/>
  </si>
  <si>
    <t>出生</t>
    <phoneticPr fontId="0"/>
  </si>
  <si>
    <t>生保
廃止</t>
    <phoneticPr fontId="0"/>
  </si>
  <si>
    <t>社保
離脱</t>
    <phoneticPr fontId="0"/>
  </si>
  <si>
    <t>転入</t>
    <phoneticPr fontId="0"/>
  </si>
  <si>
    <t>増減</t>
    <phoneticPr fontId="0"/>
  </si>
  <si>
    <t>本　　年　　度　　中　　減</t>
    <phoneticPr fontId="0"/>
  </si>
  <si>
    <t>本　　年　　度　　中　　増</t>
  </si>
  <si>
    <t xml:space="preserve">       (単位:人)</t>
  </si>
  <si>
    <t>第５表　被保険者数の増減内訳</t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176" formatCode="#,##0_ "/>
    <numFmt numFmtId="177" formatCode="#,##0_ ;[Red]\-#,##0\ "/>
    <numFmt numFmtId="178" formatCode="#,##0_);[Red]\(#,##0\)"/>
    <numFmt numFmtId="179" formatCode="\(#,##0.0\);\(\△#,##0.0\)"/>
    <numFmt numFmtId="180" formatCode="#,##0;[Red]\-#,##0\ "/>
    <numFmt numFmtId="181" formatCode="#,##0;&quot;△ &quot;#,##0"/>
  </numFmts>
  <fonts count="2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14"/>
      <name val="ＭＳ ゴシック"/>
      <family val="3"/>
      <charset val="128"/>
    </font>
    <font>
      <sz val="10"/>
      <color indexed="12"/>
      <name val="ＭＳ ゴシック"/>
      <family val="3"/>
      <charset val="128"/>
    </font>
    <font>
      <sz val="10"/>
      <name val="ＭＳ Ｐゴシック"/>
      <family val="3"/>
      <charset val="128"/>
    </font>
    <font>
      <sz val="11"/>
      <color rgb="FFFF0000"/>
      <name val="ＭＳ 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8.5"/>
      <name val="ＭＳ Ｐゴシック"/>
      <family val="3"/>
      <charset val="128"/>
    </font>
    <font>
      <sz val="8"/>
      <name val="ＭＳ ゴシック"/>
      <family val="3"/>
      <charset val="128"/>
    </font>
    <font>
      <sz val="14"/>
      <name val="Terminal"/>
      <family val="3"/>
      <charset val="255"/>
    </font>
    <font>
      <sz val="9"/>
      <name val="ＭＳ ゴシック"/>
      <family val="3"/>
      <charset val="128"/>
    </font>
    <font>
      <u/>
      <sz val="8"/>
      <name val="ＭＳ Ｐゴシック"/>
      <family val="3"/>
      <charset val="128"/>
    </font>
    <font>
      <sz val="10"/>
      <color indexed="12"/>
      <name val="ＭＳ Ｐゴシック"/>
      <family val="3"/>
      <charset val="128"/>
    </font>
    <font>
      <u/>
      <sz val="10"/>
      <name val="ＭＳ Ｐゴシック"/>
      <family val="3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8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 diagonalDown="1">
      <left style="medium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 style="thin">
        <color indexed="64"/>
      </right>
      <top style="medium">
        <color indexed="64"/>
      </top>
      <bottom/>
      <diagonal style="thin">
        <color indexed="64"/>
      </diagonal>
    </border>
    <border diagonalDown="1">
      <left style="medium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</borders>
  <cellStyleXfs count="6">
    <xf numFmtId="0" fontId="0" fillId="0" borderId="0"/>
    <xf numFmtId="38" fontId="1" fillId="0" borderId="0" applyFont="0" applyFill="0" applyBorder="0" applyAlignment="0" applyProtection="0"/>
    <xf numFmtId="0" fontId="1" fillId="0" borderId="0"/>
    <xf numFmtId="0" fontId="1" fillId="0" borderId="0"/>
    <xf numFmtId="37" fontId="14" fillId="0" borderId="0"/>
    <xf numFmtId="0" fontId="1" fillId="0" borderId="0"/>
  </cellStyleXfs>
  <cellXfs count="293">
    <xf numFmtId="0" fontId="0" fillId="0" borderId="0" xfId="0"/>
    <xf numFmtId="177" fontId="3" fillId="0" borderId="4" xfId="1" applyNumberFormat="1" applyFont="1" applyFill="1" applyBorder="1" applyAlignment="1">
      <alignment horizontal="right" vertical="center"/>
    </xf>
    <xf numFmtId="177" fontId="3" fillId="0" borderId="5" xfId="1" applyNumberFormat="1" applyFont="1" applyFill="1" applyBorder="1" applyAlignment="1">
      <alignment horizontal="right" vertical="center"/>
    </xf>
    <xf numFmtId="0" fontId="5" fillId="0" borderId="0" xfId="0" applyFont="1" applyFill="1" applyAlignment="1">
      <alignment vertical="center"/>
    </xf>
    <xf numFmtId="178" fontId="3" fillId="0" borderId="5" xfId="0" applyNumberFormat="1" applyFont="1" applyFill="1" applyBorder="1" applyAlignment="1">
      <alignment vertical="center"/>
    </xf>
    <xf numFmtId="179" fontId="3" fillId="0" borderId="16" xfId="0" applyNumberFormat="1" applyFont="1" applyFill="1" applyBorder="1" applyAlignment="1">
      <alignment horizontal="right" vertical="center"/>
    </xf>
    <xf numFmtId="179" fontId="3" fillId="0" borderId="28" xfId="0" applyNumberFormat="1" applyFont="1" applyFill="1" applyBorder="1" applyAlignment="1">
      <alignment horizontal="right" vertical="center"/>
    </xf>
    <xf numFmtId="179" fontId="3" fillId="0" borderId="49" xfId="0" applyNumberFormat="1" applyFont="1" applyFill="1" applyBorder="1" applyAlignment="1">
      <alignment horizontal="right" vertical="center"/>
    </xf>
    <xf numFmtId="177" fontId="3" fillId="0" borderId="4" xfId="0" applyNumberFormat="1" applyFont="1" applyFill="1" applyBorder="1" applyAlignment="1">
      <alignment horizontal="right" vertical="center"/>
    </xf>
    <xf numFmtId="176" fontId="3" fillId="0" borderId="4" xfId="0" applyNumberFormat="1" applyFont="1" applyFill="1" applyBorder="1" applyAlignment="1">
      <alignment horizontal="right" vertical="center"/>
    </xf>
    <xf numFmtId="177" fontId="3" fillId="0" borderId="4" xfId="1" applyNumberFormat="1" applyFont="1" applyFill="1" applyBorder="1" applyAlignment="1" applyProtection="1">
      <alignment vertical="center"/>
    </xf>
    <xf numFmtId="0" fontId="3" fillId="0" borderId="29" xfId="0" applyFont="1" applyFill="1" applyBorder="1" applyAlignment="1">
      <alignment horizontal="left" vertical="center" justifyLastLine="1"/>
    </xf>
    <xf numFmtId="0" fontId="3" fillId="0" borderId="7" xfId="0" applyFont="1" applyFill="1" applyBorder="1" applyAlignment="1">
      <alignment vertical="center"/>
    </xf>
    <xf numFmtId="0" fontId="3" fillId="0" borderId="15" xfId="0" applyFont="1" applyFill="1" applyBorder="1" applyAlignment="1">
      <alignment horizontal="left" vertical="center"/>
    </xf>
    <xf numFmtId="0" fontId="3" fillId="0" borderId="13" xfId="0" applyFont="1" applyFill="1" applyBorder="1" applyAlignment="1">
      <alignment vertical="center"/>
    </xf>
    <xf numFmtId="0" fontId="3" fillId="0" borderId="14" xfId="0" applyFont="1" applyFill="1" applyBorder="1" applyAlignment="1">
      <alignment horizontal="left" vertical="center"/>
    </xf>
    <xf numFmtId="0" fontId="3" fillId="0" borderId="14" xfId="0" applyFont="1" applyFill="1" applyBorder="1" applyAlignment="1">
      <alignment horizontal="left" vertical="center" justifyLastLine="1"/>
    </xf>
    <xf numFmtId="176" fontId="3" fillId="0" borderId="15" xfId="0" applyNumberFormat="1" applyFont="1" applyFill="1" applyBorder="1" applyAlignment="1">
      <alignment horizontal="left" vertical="center"/>
    </xf>
    <xf numFmtId="178" fontId="3" fillId="0" borderId="4" xfId="0" applyNumberFormat="1" applyFont="1" applyFill="1" applyBorder="1" applyAlignment="1">
      <alignment horizontal="right" vertical="center"/>
    </xf>
    <xf numFmtId="176" fontId="3" fillId="0" borderId="1" xfId="0" applyNumberFormat="1" applyFont="1" applyFill="1" applyBorder="1" applyAlignment="1">
      <alignment horizontal="right" vertical="center"/>
    </xf>
    <xf numFmtId="178" fontId="3" fillId="0" borderId="51" xfId="0" applyNumberFormat="1" applyFont="1" applyFill="1" applyBorder="1" applyAlignment="1">
      <alignment horizontal="right" vertical="center"/>
    </xf>
    <xf numFmtId="176" fontId="3" fillId="0" borderId="5" xfId="0" applyNumberFormat="1" applyFont="1" applyFill="1" applyBorder="1" applyAlignment="1">
      <alignment horizontal="right" vertical="center"/>
    </xf>
    <xf numFmtId="177" fontId="3" fillId="0" borderId="5" xfId="0" applyNumberFormat="1" applyFont="1" applyFill="1" applyBorder="1" applyAlignment="1">
      <alignment horizontal="right" vertical="center"/>
    </xf>
    <xf numFmtId="178" fontId="3" fillId="0" borderId="52" xfId="0" applyNumberFormat="1" applyFont="1" applyFill="1" applyBorder="1" applyAlignment="1">
      <alignment horizontal="right" vertical="center"/>
    </xf>
    <xf numFmtId="176" fontId="3" fillId="0" borderId="48" xfId="0" applyNumberFormat="1" applyFont="1" applyFill="1" applyBorder="1" applyAlignment="1">
      <alignment horizontal="right" vertical="center"/>
    </xf>
    <xf numFmtId="177" fontId="3" fillId="0" borderId="48" xfId="0" applyNumberFormat="1" applyFont="1" applyFill="1" applyBorder="1" applyAlignment="1">
      <alignment horizontal="right" vertical="center"/>
    </xf>
    <xf numFmtId="177" fontId="3" fillId="0" borderId="48" xfId="1" applyNumberFormat="1" applyFont="1" applyFill="1" applyBorder="1" applyAlignment="1">
      <alignment vertical="center"/>
    </xf>
    <xf numFmtId="178" fontId="3" fillId="0" borderId="7" xfId="0" applyNumberFormat="1" applyFont="1" applyFill="1" applyBorder="1" applyAlignment="1">
      <alignment horizontal="right" vertical="center"/>
    </xf>
    <xf numFmtId="176" fontId="3" fillId="0" borderId="7" xfId="0" applyNumberFormat="1" applyFont="1" applyFill="1" applyBorder="1" applyAlignment="1">
      <alignment horizontal="right" vertical="center"/>
    </xf>
    <xf numFmtId="177" fontId="3" fillId="0" borderId="7" xfId="0" applyNumberFormat="1" applyFont="1" applyFill="1" applyBorder="1" applyAlignment="1">
      <alignment horizontal="right" vertical="center"/>
    </xf>
    <xf numFmtId="177" fontId="3" fillId="0" borderId="7" xfId="1" applyNumberFormat="1" applyFont="1" applyFill="1" applyBorder="1" applyAlignment="1">
      <alignment vertical="center"/>
    </xf>
    <xf numFmtId="0" fontId="3" fillId="0" borderId="19" xfId="0" applyFont="1" applyFill="1" applyBorder="1" applyAlignment="1">
      <alignment horizontal="distributed" vertical="center" justifyLastLine="1"/>
    </xf>
    <xf numFmtId="178" fontId="3" fillId="0" borderId="7" xfId="0" applyNumberFormat="1" applyFont="1" applyFill="1" applyBorder="1" applyAlignment="1">
      <alignment vertical="center"/>
    </xf>
    <xf numFmtId="178" fontId="3" fillId="0" borderId="13" xfId="0" applyNumberFormat="1" applyFont="1" applyFill="1" applyBorder="1" applyAlignment="1">
      <alignment vertical="center"/>
    </xf>
    <xf numFmtId="178" fontId="3" fillId="0" borderId="4" xfId="0" applyNumberFormat="1" applyFont="1" applyFill="1" applyBorder="1" applyAlignment="1">
      <alignment vertical="center"/>
    </xf>
    <xf numFmtId="178" fontId="3" fillId="0" borderId="16" xfId="0" applyNumberFormat="1" applyFont="1" applyFill="1" applyBorder="1" applyAlignment="1">
      <alignment vertical="center"/>
    </xf>
    <xf numFmtId="0" fontId="3" fillId="0" borderId="16" xfId="0" applyFont="1" applyFill="1" applyBorder="1" applyAlignment="1">
      <alignment vertical="center"/>
    </xf>
    <xf numFmtId="178" fontId="3" fillId="0" borderId="28" xfId="0" applyNumberFormat="1" applyFont="1" applyFill="1" applyBorder="1" applyAlignment="1">
      <alignment vertical="center"/>
    </xf>
    <xf numFmtId="0" fontId="3" fillId="0" borderId="28" xfId="0" applyFont="1" applyFill="1" applyBorder="1" applyAlignment="1">
      <alignment vertical="center"/>
    </xf>
    <xf numFmtId="177" fontId="3" fillId="0" borderId="26" xfId="1" applyNumberFormat="1" applyFont="1" applyFill="1" applyBorder="1" applyAlignment="1">
      <alignment vertical="center"/>
    </xf>
    <xf numFmtId="177" fontId="3" fillId="0" borderId="1" xfId="1" applyNumberFormat="1" applyFont="1" applyFill="1" applyBorder="1" applyAlignment="1">
      <alignment vertical="center"/>
    </xf>
    <xf numFmtId="177" fontId="3" fillId="0" borderId="4" xfId="1" applyNumberFormat="1" applyFont="1" applyFill="1" applyBorder="1" applyAlignment="1">
      <alignment vertical="center"/>
    </xf>
    <xf numFmtId="177" fontId="3" fillId="0" borderId="0" xfId="1" applyNumberFormat="1" applyFont="1" applyFill="1" applyBorder="1" applyAlignment="1">
      <alignment vertical="center"/>
    </xf>
    <xf numFmtId="0" fontId="3" fillId="0" borderId="23" xfId="0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/>
    </xf>
    <xf numFmtId="0" fontId="3" fillId="0" borderId="22" xfId="0" applyFont="1" applyFill="1" applyBorder="1" applyAlignment="1">
      <alignment horizontal="center" vertical="center"/>
    </xf>
    <xf numFmtId="177" fontId="3" fillId="0" borderId="8" xfId="1" applyNumberFormat="1" applyFont="1" applyFill="1" applyBorder="1" applyAlignment="1">
      <alignment vertical="center"/>
    </xf>
    <xf numFmtId="2" fontId="3" fillId="0" borderId="25" xfId="0" applyNumberFormat="1" applyFont="1" applyFill="1" applyBorder="1" applyAlignment="1">
      <alignment horizontal="right" vertical="center"/>
    </xf>
    <xf numFmtId="176" fontId="3" fillId="0" borderId="8" xfId="0" applyNumberFormat="1" applyFont="1" applyFill="1" applyBorder="1" applyAlignment="1">
      <alignment vertical="center"/>
    </xf>
    <xf numFmtId="176" fontId="3" fillId="0" borderId="4" xfId="0" applyNumberFormat="1" applyFont="1" applyFill="1" applyBorder="1" applyAlignment="1">
      <alignment vertical="center"/>
    </xf>
    <xf numFmtId="176" fontId="3" fillId="0" borderId="0" xfId="0" applyNumberFormat="1" applyFont="1" applyFill="1" applyBorder="1" applyAlignment="1">
      <alignment vertical="center"/>
    </xf>
    <xf numFmtId="176" fontId="3" fillId="0" borderId="46" xfId="0" applyNumberFormat="1" applyFont="1" applyFill="1" applyBorder="1" applyAlignment="1">
      <alignment vertical="center"/>
    </xf>
    <xf numFmtId="176" fontId="3" fillId="0" borderId="16" xfId="0" applyNumberFormat="1" applyFont="1" applyFill="1" applyBorder="1" applyAlignment="1">
      <alignment vertical="center"/>
    </xf>
    <xf numFmtId="176" fontId="3" fillId="0" borderId="24" xfId="0" applyNumberFormat="1" applyFont="1" applyFill="1" applyBorder="1" applyAlignment="1">
      <alignment vertical="center"/>
    </xf>
    <xf numFmtId="176" fontId="3" fillId="0" borderId="9" xfId="0" applyNumberFormat="1" applyFont="1" applyFill="1" applyBorder="1" applyAlignment="1">
      <alignment vertical="center"/>
    </xf>
    <xf numFmtId="176" fontId="3" fillId="0" borderId="6" xfId="0" applyNumberFormat="1" applyFont="1" applyFill="1" applyBorder="1" applyAlignment="1">
      <alignment vertical="center"/>
    </xf>
    <xf numFmtId="176" fontId="3" fillId="0" borderId="43" xfId="0" applyNumberFormat="1" applyFont="1" applyFill="1" applyBorder="1" applyAlignment="1">
      <alignment vertical="center"/>
    </xf>
    <xf numFmtId="176" fontId="3" fillId="0" borderId="14" xfId="0" applyNumberFormat="1" applyFont="1" applyFill="1" applyBorder="1" applyAlignment="1">
      <alignment horizontal="left" vertical="center"/>
    </xf>
    <xf numFmtId="176" fontId="3" fillId="0" borderId="15" xfId="0" applyNumberFormat="1" applyFont="1" applyFill="1" applyBorder="1" applyAlignment="1">
      <alignment vertical="center"/>
    </xf>
    <xf numFmtId="0" fontId="3" fillId="0" borderId="24" xfId="0" applyFont="1" applyFill="1" applyBorder="1" applyAlignment="1">
      <alignment vertical="center"/>
    </xf>
    <xf numFmtId="0" fontId="3" fillId="0" borderId="44" xfId="0" applyFont="1" applyFill="1" applyBorder="1" applyAlignment="1">
      <alignment vertical="center"/>
    </xf>
    <xf numFmtId="0" fontId="9" fillId="0" borderId="14" xfId="0" applyFont="1" applyFill="1" applyBorder="1" applyAlignment="1">
      <alignment horizontal="left" vertical="center"/>
    </xf>
    <xf numFmtId="0" fontId="9" fillId="0" borderId="7" xfId="0" applyFont="1" applyFill="1" applyBorder="1" applyAlignment="1">
      <alignment horizontal="center" vertical="center" wrapText="1"/>
    </xf>
    <xf numFmtId="176" fontId="3" fillId="0" borderId="5" xfId="0" applyNumberFormat="1" applyFont="1" applyFill="1" applyBorder="1" applyAlignment="1">
      <alignment vertical="center"/>
    </xf>
    <xf numFmtId="176" fontId="3" fillId="0" borderId="48" xfId="0" applyNumberFormat="1" applyFont="1" applyFill="1" applyBorder="1" applyAlignment="1">
      <alignment vertical="center"/>
    </xf>
    <xf numFmtId="176" fontId="3" fillId="0" borderId="7" xfId="0" applyNumberFormat="1" applyFont="1" applyFill="1" applyBorder="1" applyAlignment="1">
      <alignment vertical="center"/>
    </xf>
    <xf numFmtId="176" fontId="3" fillId="0" borderId="30" xfId="0" applyNumberFormat="1" applyFont="1" applyFill="1" applyBorder="1" applyAlignment="1">
      <alignment vertical="center"/>
    </xf>
    <xf numFmtId="0" fontId="9" fillId="0" borderId="7" xfId="0" applyFont="1" applyFill="1" applyBorder="1" applyAlignment="1">
      <alignment horizontal="center" vertical="center"/>
    </xf>
    <xf numFmtId="0" fontId="9" fillId="0" borderId="21" xfId="0" applyFont="1" applyFill="1" applyBorder="1" applyAlignment="1">
      <alignment horizontal="left" vertical="center"/>
    </xf>
    <xf numFmtId="0" fontId="9" fillId="0" borderId="10" xfId="0" applyFont="1" applyFill="1" applyBorder="1" applyAlignment="1">
      <alignment horizontal="center" vertical="center"/>
    </xf>
    <xf numFmtId="176" fontId="3" fillId="0" borderId="31" xfId="0" applyNumberFormat="1" applyFont="1" applyFill="1" applyBorder="1" applyAlignment="1">
      <alignment vertical="center"/>
    </xf>
    <xf numFmtId="176" fontId="3" fillId="0" borderId="50" xfId="0" applyNumberFormat="1" applyFont="1" applyFill="1" applyBorder="1" applyAlignment="1">
      <alignment vertical="center"/>
    </xf>
    <xf numFmtId="176" fontId="3" fillId="0" borderId="10" xfId="0" applyNumberFormat="1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176" fontId="3" fillId="0" borderId="0" xfId="0" applyNumberFormat="1" applyFont="1" applyFill="1" applyBorder="1" applyAlignment="1">
      <alignment horizontal="right" vertical="center"/>
    </xf>
    <xf numFmtId="0" fontId="3" fillId="0" borderId="0" xfId="0" applyFont="1" applyFill="1" applyAlignment="1">
      <alignment vertical="center"/>
    </xf>
    <xf numFmtId="38" fontId="3" fillId="0" borderId="0" xfId="1" applyFont="1" applyFill="1" applyAlignment="1" applyProtection="1">
      <alignment horizontal="left" vertical="center"/>
    </xf>
    <xf numFmtId="0" fontId="3" fillId="0" borderId="27" xfId="0" applyFont="1" applyFill="1" applyBorder="1" applyAlignment="1">
      <alignment vertical="center"/>
    </xf>
    <xf numFmtId="0" fontId="3" fillId="0" borderId="41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vertical="center"/>
    </xf>
    <xf numFmtId="0" fontId="3" fillId="0" borderId="15" xfId="0" applyFont="1" applyFill="1" applyBorder="1" applyAlignment="1">
      <alignment vertical="center"/>
    </xf>
    <xf numFmtId="176" fontId="3" fillId="0" borderId="28" xfId="0" applyNumberFormat="1" applyFont="1" applyFill="1" applyBorder="1" applyAlignment="1">
      <alignment vertical="center"/>
    </xf>
    <xf numFmtId="177" fontId="3" fillId="0" borderId="42" xfId="1" applyNumberFormat="1" applyFont="1" applyFill="1" applyBorder="1" applyAlignment="1">
      <alignment vertical="center"/>
    </xf>
    <xf numFmtId="0" fontId="4" fillId="0" borderId="44" xfId="0" applyFont="1" applyFill="1" applyBorder="1" applyAlignment="1">
      <alignment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13" xfId="0" applyFont="1" applyFill="1" applyBorder="1" applyAlignment="1">
      <alignment horizontal="center" vertical="center"/>
    </xf>
    <xf numFmtId="38" fontId="3" fillId="0" borderId="14" xfId="1" applyFont="1" applyFill="1" applyBorder="1" applyAlignment="1">
      <alignment vertical="center"/>
    </xf>
    <xf numFmtId="0" fontId="3" fillId="0" borderId="21" xfId="0" applyFont="1" applyFill="1" applyBorder="1" applyAlignment="1">
      <alignment vertical="top"/>
    </xf>
    <xf numFmtId="0" fontId="4" fillId="0" borderId="25" xfId="0" applyFont="1" applyFill="1" applyBorder="1" applyAlignment="1">
      <alignment horizontal="right" vertical="center"/>
    </xf>
    <xf numFmtId="0" fontId="4" fillId="0" borderId="17" xfId="0" applyFont="1" applyFill="1" applyBorder="1" applyAlignment="1">
      <alignment horizontal="right" vertical="center"/>
    </xf>
    <xf numFmtId="179" fontId="3" fillId="0" borderId="44" xfId="0" applyNumberFormat="1" applyFont="1" applyFill="1" applyBorder="1" applyAlignment="1">
      <alignment horizontal="right" vertical="center"/>
    </xf>
    <xf numFmtId="0" fontId="4" fillId="0" borderId="53" xfId="0" applyFont="1" applyFill="1" applyBorder="1" applyAlignment="1">
      <alignment horizontal="right" vertical="center"/>
    </xf>
    <xf numFmtId="177" fontId="12" fillId="0" borderId="61" xfId="0" applyNumberFormat="1" applyFont="1" applyFill="1" applyBorder="1" applyAlignment="1">
      <alignment vertical="center"/>
    </xf>
    <xf numFmtId="177" fontId="12" fillId="0" borderId="62" xfId="0" applyNumberFormat="1" applyFont="1" applyFill="1" applyBorder="1" applyAlignment="1">
      <alignment vertical="center"/>
    </xf>
    <xf numFmtId="177" fontId="12" fillId="0" borderId="62" xfId="1" applyNumberFormat="1" applyFont="1" applyFill="1" applyBorder="1" applyAlignment="1" applyProtection="1"/>
    <xf numFmtId="177" fontId="12" fillId="0" borderId="3" xfId="0" applyNumberFormat="1" applyFont="1" applyFill="1" applyBorder="1" applyAlignment="1">
      <alignment vertical="center"/>
    </xf>
    <xf numFmtId="177" fontId="12" fillId="0" borderId="2" xfId="0" applyNumberFormat="1" applyFont="1" applyFill="1" applyBorder="1" applyAlignment="1">
      <alignment vertical="center"/>
    </xf>
    <xf numFmtId="177" fontId="12" fillId="0" borderId="2" xfId="1" applyNumberFormat="1" applyFont="1" applyFill="1" applyBorder="1" applyAlignment="1" applyProtection="1"/>
    <xf numFmtId="177" fontId="12" fillId="0" borderId="64" xfId="0" applyNumberFormat="1" applyFont="1" applyFill="1" applyBorder="1" applyAlignment="1">
      <alignment vertical="center"/>
    </xf>
    <xf numFmtId="177" fontId="12" fillId="0" borderId="65" xfId="0" applyNumberFormat="1" applyFont="1" applyFill="1" applyBorder="1" applyAlignment="1">
      <alignment vertical="center"/>
    </xf>
    <xf numFmtId="177" fontId="12" fillId="0" borderId="65" xfId="1" applyNumberFormat="1" applyFont="1" applyFill="1" applyBorder="1" applyAlignment="1" applyProtection="1"/>
    <xf numFmtId="38" fontId="12" fillId="0" borderId="57" xfId="1" applyFont="1" applyFill="1" applyBorder="1" applyAlignment="1" applyProtection="1"/>
    <xf numFmtId="38" fontId="12" fillId="0" borderId="58" xfId="1" applyFont="1" applyFill="1" applyBorder="1" applyAlignment="1" applyProtection="1"/>
    <xf numFmtId="37" fontId="15" fillId="0" borderId="66" xfId="4" applyFont="1" applyFill="1" applyBorder="1" applyAlignment="1" applyProtection="1">
      <alignment horizontal="left"/>
    </xf>
    <xf numFmtId="37" fontId="15" fillId="0" borderId="67" xfId="4" applyFont="1" applyFill="1" applyBorder="1" applyAlignment="1" applyProtection="1">
      <alignment horizontal="left"/>
    </xf>
    <xf numFmtId="37" fontId="15" fillId="0" borderId="69" xfId="4" applyFont="1" applyFill="1" applyBorder="1" applyAlignment="1" applyProtection="1">
      <alignment horizontal="left"/>
    </xf>
    <xf numFmtId="37" fontId="15" fillId="0" borderId="70" xfId="4" applyFont="1" applyFill="1" applyBorder="1" applyAlignment="1" applyProtection="1">
      <alignment horizontal="left"/>
    </xf>
    <xf numFmtId="38" fontId="12" fillId="0" borderId="71" xfId="1" applyFont="1" applyFill="1" applyBorder="1" applyAlignment="1" applyProtection="1">
      <alignment horizontal="center" vertical="center" shrinkToFit="1"/>
    </xf>
    <xf numFmtId="38" fontId="10" fillId="0" borderId="0" xfId="1" applyFont="1" applyFill="1" applyBorder="1" applyAlignment="1">
      <alignment vertical="center"/>
    </xf>
    <xf numFmtId="38" fontId="7" fillId="0" borderId="57" xfId="1" applyFont="1" applyFill="1" applyBorder="1" applyAlignment="1" applyProtection="1">
      <alignment vertical="center"/>
    </xf>
    <xf numFmtId="38" fontId="7" fillId="0" borderId="71" xfId="1" applyFont="1" applyFill="1" applyBorder="1" applyAlignment="1" applyProtection="1">
      <alignment vertical="center"/>
    </xf>
    <xf numFmtId="38" fontId="7" fillId="0" borderId="63" xfId="1" applyFont="1" applyFill="1" applyBorder="1" applyAlignment="1" applyProtection="1">
      <alignment horizontal="right" vertical="center"/>
    </xf>
    <xf numFmtId="38" fontId="7" fillId="0" borderId="63" xfId="1" applyFont="1" applyFill="1" applyBorder="1" applyAlignment="1" applyProtection="1">
      <alignment vertical="center"/>
    </xf>
    <xf numFmtId="38" fontId="7" fillId="0" borderId="28" xfId="1" applyFont="1" applyFill="1" applyBorder="1" applyAlignment="1" applyProtection="1">
      <alignment vertical="center"/>
    </xf>
    <xf numFmtId="38" fontId="7" fillId="0" borderId="46" xfId="1" applyFont="1" applyFill="1" applyBorder="1" applyAlignment="1" applyProtection="1">
      <alignment vertical="center"/>
    </xf>
    <xf numFmtId="38" fontId="7" fillId="0" borderId="15" xfId="1" applyFont="1" applyFill="1" applyBorder="1" applyAlignment="1" applyProtection="1">
      <alignment vertical="center"/>
    </xf>
    <xf numFmtId="38" fontId="7" fillId="0" borderId="56" xfId="1" applyFont="1" applyFill="1" applyBorder="1" applyAlignment="1" applyProtection="1">
      <alignment vertical="center"/>
    </xf>
    <xf numFmtId="38" fontId="7" fillId="0" borderId="81" xfId="1" applyFont="1" applyFill="1" applyBorder="1" applyAlignment="1" applyProtection="1">
      <alignment vertical="center"/>
    </xf>
    <xf numFmtId="38" fontId="7" fillId="0" borderId="60" xfId="1" applyFont="1" applyFill="1" applyBorder="1" applyAlignment="1" applyProtection="1">
      <alignment vertical="center"/>
    </xf>
    <xf numFmtId="38" fontId="7" fillId="0" borderId="3" xfId="1" applyFont="1" applyFill="1" applyBorder="1" applyAlignment="1" applyProtection="1">
      <alignment vertical="center"/>
    </xf>
    <xf numFmtId="38" fontId="7" fillId="0" borderId="83" xfId="1" applyFont="1" applyFill="1" applyBorder="1" applyAlignment="1" applyProtection="1">
      <alignment vertical="center"/>
    </xf>
    <xf numFmtId="38" fontId="7" fillId="0" borderId="84" xfId="1" applyFont="1" applyFill="1" applyBorder="1" applyAlignment="1" applyProtection="1">
      <alignment vertical="center"/>
    </xf>
    <xf numFmtId="38" fontId="7" fillId="0" borderId="5" xfId="1" applyFont="1" applyFill="1" applyBorder="1" applyAlignment="1" applyProtection="1">
      <alignment vertical="center"/>
    </xf>
    <xf numFmtId="38" fontId="7" fillId="0" borderId="8" xfId="1" applyFont="1" applyFill="1" applyBorder="1" applyAlignment="1" applyProtection="1">
      <alignment vertical="center"/>
    </xf>
    <xf numFmtId="38" fontId="7" fillId="0" borderId="14" xfId="1" applyFont="1" applyFill="1" applyBorder="1" applyAlignment="1" applyProtection="1">
      <alignment vertical="center"/>
    </xf>
    <xf numFmtId="38" fontId="7" fillId="0" borderId="28" xfId="1" applyFont="1" applyFill="1" applyBorder="1" applyAlignment="1" applyProtection="1">
      <alignment horizontal="right" vertical="center"/>
    </xf>
    <xf numFmtId="38" fontId="7" fillId="0" borderId="15" xfId="1" quotePrefix="1" applyFont="1" applyFill="1" applyBorder="1" applyAlignment="1" applyProtection="1">
      <alignment vertical="center"/>
    </xf>
    <xf numFmtId="38" fontId="7" fillId="0" borderId="46" xfId="1" quotePrefix="1" applyFont="1" applyFill="1" applyBorder="1" applyAlignment="1" applyProtection="1">
      <alignment vertical="center"/>
    </xf>
    <xf numFmtId="38" fontId="7" fillId="0" borderId="57" xfId="1" applyFont="1" applyFill="1" applyBorder="1" applyAlignment="1" applyProtection="1">
      <alignment horizontal="distributed" vertical="center" justifyLastLine="1"/>
    </xf>
    <xf numFmtId="38" fontId="7" fillId="0" borderId="71" xfId="1" applyFont="1" applyFill="1" applyBorder="1" applyAlignment="1" applyProtection="1">
      <alignment horizontal="distributed" vertical="center" justifyLastLine="1"/>
    </xf>
    <xf numFmtId="38" fontId="7" fillId="0" borderId="71" xfId="1" applyFont="1" applyFill="1" applyBorder="1" applyAlignment="1" applyProtection="1">
      <alignment horizontal="distributed" vertical="center" wrapText="1" justifyLastLine="1"/>
    </xf>
    <xf numFmtId="38" fontId="7" fillId="0" borderId="63" xfId="1" applyFont="1" applyFill="1" applyBorder="1" applyAlignment="1" applyProtection="1">
      <alignment horizontal="distributed" vertical="center" justifyLastLine="1"/>
    </xf>
    <xf numFmtId="0" fontId="7" fillId="0" borderId="0" xfId="5" applyFont="1" applyFill="1" applyAlignment="1">
      <alignment vertical="center"/>
    </xf>
    <xf numFmtId="38" fontId="7" fillId="0" borderId="0" xfId="1" applyFont="1" applyFill="1" applyBorder="1" applyAlignment="1">
      <alignment vertical="center"/>
    </xf>
    <xf numFmtId="0" fontId="1" fillId="0" borderId="0" xfId="2" applyFont="1" applyFill="1" applyBorder="1" applyAlignment="1" applyProtection="1">
      <alignment horizontal="left" vertical="center"/>
    </xf>
    <xf numFmtId="0" fontId="10" fillId="0" borderId="0" xfId="2" applyFont="1" applyFill="1" applyBorder="1" applyAlignment="1">
      <alignment vertical="center"/>
    </xf>
    <xf numFmtId="0" fontId="10" fillId="0" borderId="0" xfId="2" applyFont="1" applyFill="1" applyBorder="1" applyAlignment="1" applyProtection="1">
      <alignment horizontal="center" vertical="center"/>
    </xf>
    <xf numFmtId="0" fontId="10" fillId="0" borderId="0" xfId="2" applyFont="1" applyFill="1" applyAlignment="1">
      <alignment vertical="center"/>
    </xf>
    <xf numFmtId="38" fontId="10" fillId="0" borderId="0" xfId="1" applyFont="1" applyFill="1" applyBorder="1" applyAlignment="1" applyProtection="1">
      <alignment horizontal="left" vertical="center"/>
    </xf>
    <xf numFmtId="38" fontId="16" fillId="0" borderId="0" xfId="1" applyFont="1" applyFill="1" applyBorder="1" applyAlignment="1" applyProtection="1">
      <alignment vertical="center"/>
    </xf>
    <xf numFmtId="0" fontId="9" fillId="0" borderId="76" xfId="2" applyFont="1" applyFill="1" applyBorder="1" applyAlignment="1">
      <alignment vertical="center"/>
    </xf>
    <xf numFmtId="0" fontId="9" fillId="0" borderId="32" xfId="2" applyFont="1" applyFill="1" applyBorder="1" applyAlignment="1">
      <alignment vertical="center"/>
    </xf>
    <xf numFmtId="38" fontId="12" fillId="0" borderId="46" xfId="1" applyFont="1" applyFill="1" applyBorder="1" applyAlignment="1" applyProtection="1">
      <alignment horizontal="centerContinuous" shrinkToFit="1"/>
    </xf>
    <xf numFmtId="38" fontId="12" fillId="0" borderId="24" xfId="1" applyFont="1" applyFill="1" applyBorder="1" applyAlignment="1">
      <alignment horizontal="centerContinuous" shrinkToFit="1"/>
    </xf>
    <xf numFmtId="38" fontId="12" fillId="0" borderId="13" xfId="1" applyFont="1" applyFill="1" applyBorder="1" applyAlignment="1">
      <alignment horizontal="centerContinuous" shrinkToFit="1"/>
    </xf>
    <xf numFmtId="38" fontId="12" fillId="0" borderId="46" xfId="1" applyFont="1" applyFill="1" applyBorder="1" applyAlignment="1" applyProtection="1">
      <alignment horizontal="centerContinuous" vertical="center" shrinkToFit="1"/>
    </xf>
    <xf numFmtId="38" fontId="12" fillId="0" borderId="24" xfId="1" applyFont="1" applyFill="1" applyBorder="1" applyAlignment="1">
      <alignment horizontal="centerContinuous" vertical="center" shrinkToFit="1"/>
    </xf>
    <xf numFmtId="38" fontId="12" fillId="0" borderId="13" xfId="1" applyFont="1" applyFill="1" applyBorder="1" applyAlignment="1">
      <alignment horizontal="centerContinuous" vertical="center" shrinkToFit="1"/>
    </xf>
    <xf numFmtId="0" fontId="9" fillId="0" borderId="63" xfId="2" applyFont="1" applyFill="1" applyBorder="1" applyAlignment="1">
      <alignment vertical="center"/>
    </xf>
    <xf numFmtId="0" fontId="9" fillId="0" borderId="72" xfId="2" applyFont="1" applyFill="1" applyBorder="1" applyAlignment="1">
      <alignment vertical="center"/>
    </xf>
    <xf numFmtId="38" fontId="12" fillId="0" borderId="58" xfId="1" applyFont="1" applyFill="1" applyBorder="1" applyAlignment="1" applyProtection="1">
      <alignment horizontal="center" vertical="center" shrinkToFit="1"/>
    </xf>
    <xf numFmtId="38" fontId="12" fillId="0" borderId="62" xfId="1" applyFont="1" applyFill="1" applyBorder="1" applyAlignment="1" applyProtection="1">
      <alignment horizontal="center" vertical="center" shrinkToFit="1"/>
    </xf>
    <xf numFmtId="38" fontId="12" fillId="0" borderId="57" xfId="1" applyFont="1" applyFill="1" applyBorder="1" applyAlignment="1" applyProtection="1">
      <alignment horizontal="center" vertical="center" shrinkToFit="1"/>
    </xf>
    <xf numFmtId="0" fontId="9" fillId="0" borderId="14" xfId="0" applyFont="1" applyFill="1" applyBorder="1" applyAlignment="1" applyProtection="1"/>
    <xf numFmtId="49" fontId="13" fillId="0" borderId="65" xfId="2" applyNumberFormat="1" applyFont="1" applyFill="1" applyBorder="1" applyAlignment="1" applyProtection="1">
      <alignment horizontal="center"/>
    </xf>
    <xf numFmtId="49" fontId="13" fillId="0" borderId="16" xfId="2" applyNumberFormat="1" applyFont="1" applyFill="1" applyBorder="1" applyAlignment="1" applyProtection="1">
      <alignment horizontal="center"/>
    </xf>
    <xf numFmtId="49" fontId="13" fillId="0" borderId="4" xfId="2" applyNumberFormat="1" applyFont="1" applyFill="1" applyBorder="1" applyAlignment="1" applyProtection="1">
      <alignment horizontal="center"/>
    </xf>
    <xf numFmtId="0" fontId="9" fillId="0" borderId="48" xfId="0" applyFont="1" applyFill="1" applyBorder="1" applyAlignment="1" applyProtection="1"/>
    <xf numFmtId="49" fontId="13" fillId="0" borderId="68" xfId="2" applyNumberFormat="1" applyFont="1" applyFill="1" applyBorder="1" applyAlignment="1" applyProtection="1">
      <alignment horizontal="center"/>
    </xf>
    <xf numFmtId="0" fontId="9" fillId="0" borderId="63" xfId="0" applyFont="1" applyFill="1" applyBorder="1" applyAlignment="1" applyProtection="1"/>
    <xf numFmtId="49" fontId="13" fillId="0" borderId="58" xfId="2" applyNumberFormat="1" applyFont="1" applyFill="1" applyBorder="1" applyAlignment="1" applyProtection="1">
      <alignment horizontal="center"/>
    </xf>
    <xf numFmtId="38" fontId="9" fillId="0" borderId="65" xfId="1" applyFont="1" applyFill="1" applyBorder="1" applyAlignment="1" applyProtection="1">
      <alignment horizontal="left"/>
    </xf>
    <xf numFmtId="38" fontId="9" fillId="0" borderId="16" xfId="1" applyFont="1" applyFill="1" applyBorder="1" applyAlignment="1" applyProtection="1">
      <alignment horizontal="left"/>
    </xf>
    <xf numFmtId="38" fontId="9" fillId="0" borderId="58" xfId="1" applyFont="1" applyFill="1" applyBorder="1" applyAlignment="1" applyProtection="1">
      <alignment horizontal="left"/>
    </xf>
    <xf numFmtId="58" fontId="13" fillId="0" borderId="58" xfId="2" applyNumberFormat="1" applyFont="1" applyFill="1" applyBorder="1" applyAlignment="1" applyProtection="1">
      <alignment horizontal="center"/>
    </xf>
    <xf numFmtId="180" fontId="12" fillId="0" borderId="58" xfId="1" applyNumberFormat="1" applyFont="1" applyFill="1" applyBorder="1" applyAlignment="1" applyProtection="1"/>
    <xf numFmtId="177" fontId="12" fillId="0" borderId="57" xfId="1" applyNumberFormat="1" applyFont="1" applyFill="1" applyBorder="1" applyAlignment="1" applyProtection="1"/>
    <xf numFmtId="58" fontId="13" fillId="0" borderId="6" xfId="2" applyNumberFormat="1" applyFont="1" applyFill="1" applyBorder="1" applyAlignment="1" applyProtection="1">
      <alignment horizontal="center"/>
    </xf>
    <xf numFmtId="38" fontId="12" fillId="0" borderId="6" xfId="1" applyFont="1" applyFill="1" applyBorder="1" applyAlignment="1" applyProtection="1"/>
    <xf numFmtId="38" fontId="12" fillId="0" borderId="31" xfId="1" applyFont="1" applyFill="1" applyBorder="1" applyAlignment="1" applyProtection="1"/>
    <xf numFmtId="38" fontId="9" fillId="0" borderId="0" xfId="1" applyFont="1" applyFill="1" applyAlignment="1" applyProtection="1">
      <alignment horizontal="left" vertical="center"/>
    </xf>
    <xf numFmtId="0" fontId="9" fillId="0" borderId="0" xfId="2" applyFont="1" applyFill="1" applyAlignment="1">
      <alignment vertical="center"/>
    </xf>
    <xf numFmtId="38" fontId="10" fillId="0" borderId="0" xfId="1" applyFont="1" applyFill="1" applyAlignment="1" applyProtection="1">
      <alignment horizontal="center"/>
    </xf>
    <xf numFmtId="38" fontId="10" fillId="0" borderId="0" xfId="1" applyFont="1" applyFill="1" applyAlignment="1"/>
    <xf numFmtId="38" fontId="10" fillId="0" borderId="0" xfId="1" applyFont="1" applyFill="1" applyAlignment="1" applyProtection="1">
      <alignment horizontal="left"/>
    </xf>
    <xf numFmtId="0" fontId="10" fillId="0" borderId="0" xfId="2" applyFont="1" applyFill="1" applyAlignment="1"/>
    <xf numFmtId="38" fontId="10" fillId="0" borderId="0" xfId="1" applyFont="1" applyFill="1" applyAlignment="1" applyProtection="1"/>
    <xf numFmtId="0" fontId="10" fillId="0" borderId="0" xfId="2" applyFont="1" applyFill="1" applyAlignment="1">
      <alignment horizontal="center"/>
    </xf>
    <xf numFmtId="0" fontId="11" fillId="0" borderId="0" xfId="3" applyFont="1" applyFill="1" applyAlignment="1">
      <alignment vertical="center"/>
    </xf>
    <xf numFmtId="0" fontId="10" fillId="0" borderId="0" xfId="2" applyFont="1" applyFill="1"/>
    <xf numFmtId="38" fontId="10" fillId="0" borderId="0" xfId="1" applyFont="1" applyFill="1"/>
    <xf numFmtId="0" fontId="4" fillId="0" borderId="0" xfId="0" applyFont="1" applyFill="1" applyAlignment="1">
      <alignment vertical="center"/>
    </xf>
    <xf numFmtId="176" fontId="4" fillId="0" borderId="0" xfId="0" applyNumberFormat="1" applyFont="1" applyFill="1" applyAlignment="1">
      <alignment vertical="center"/>
    </xf>
    <xf numFmtId="0" fontId="8" fillId="0" borderId="0" xfId="0" applyFont="1" applyFill="1" applyAlignment="1">
      <alignment horizontal="right" vertical="center"/>
    </xf>
    <xf numFmtId="0" fontId="4" fillId="0" borderId="0" xfId="0" quotePrefix="1" applyFont="1" applyFill="1" applyAlignment="1">
      <alignment vertical="center"/>
    </xf>
    <xf numFmtId="0" fontId="3" fillId="0" borderId="2" xfId="0" applyFont="1" applyFill="1" applyBorder="1" applyAlignment="1">
      <alignment horizontal="distributed" vertical="center" justifyLastLine="1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7" xfId="0" applyFont="1" applyFill="1" applyBorder="1" applyAlignment="1">
      <alignment horizontal="distributed" vertical="center" justifyLastLine="1"/>
    </xf>
    <xf numFmtId="0" fontId="3" fillId="0" borderId="11" xfId="0" applyFont="1" applyFill="1" applyBorder="1" applyAlignment="1">
      <alignment horizontal="distributed" vertical="center" justifyLastLine="1"/>
    </xf>
    <xf numFmtId="0" fontId="3" fillId="0" borderId="11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19" fillId="0" borderId="0" xfId="5" applyFont="1" applyFill="1" applyBorder="1" applyAlignment="1" applyProtection="1">
      <alignment horizontal="left" vertical="center"/>
    </xf>
    <xf numFmtId="0" fontId="7" fillId="0" borderId="0" xfId="5" applyFont="1" applyFill="1" applyBorder="1" applyAlignment="1" applyProtection="1">
      <alignment horizontal="left" vertical="center"/>
    </xf>
    <xf numFmtId="38" fontId="7" fillId="0" borderId="0" xfId="1" applyFont="1" applyFill="1" applyBorder="1" applyAlignment="1" applyProtection="1">
      <alignment horizontal="left" vertical="center"/>
    </xf>
    <xf numFmtId="38" fontId="18" fillId="0" borderId="0" xfId="1" applyFont="1" applyFill="1" applyBorder="1" applyAlignment="1" applyProtection="1">
      <alignment vertical="center"/>
    </xf>
    <xf numFmtId="38" fontId="7" fillId="0" borderId="0" xfId="1" applyFont="1" applyFill="1" applyBorder="1" applyAlignment="1" applyProtection="1">
      <alignment horizontal="right" vertical="center"/>
    </xf>
    <xf numFmtId="0" fontId="7" fillId="0" borderId="14" xfId="5" applyFont="1" applyFill="1" applyBorder="1" applyAlignment="1" applyProtection="1">
      <alignment vertical="center"/>
    </xf>
    <xf numFmtId="0" fontId="3" fillId="0" borderId="46" xfId="5" applyFont="1" applyFill="1" applyBorder="1" applyAlignment="1" applyProtection="1">
      <alignment horizontal="left" vertical="center"/>
    </xf>
    <xf numFmtId="181" fontId="7" fillId="0" borderId="79" xfId="1" applyNumberFormat="1" applyFont="1" applyFill="1" applyBorder="1" applyAlignment="1" applyProtection="1">
      <alignment vertical="center"/>
    </xf>
    <xf numFmtId="0" fontId="7" fillId="0" borderId="48" xfId="5" applyFont="1" applyFill="1" applyBorder="1" applyAlignment="1" applyProtection="1">
      <alignment vertical="center"/>
    </xf>
    <xf numFmtId="0" fontId="3" fillId="0" borderId="8" xfId="5" applyFont="1" applyFill="1" applyBorder="1" applyAlignment="1" applyProtection="1">
      <alignment horizontal="left" vertical="center"/>
    </xf>
    <xf numFmtId="181" fontId="7" fillId="0" borderId="85" xfId="1" applyNumberFormat="1" applyFont="1" applyFill="1" applyBorder="1" applyAlignment="1" applyProtection="1">
      <alignment vertical="center"/>
    </xf>
    <xf numFmtId="0" fontId="3" fillId="0" borderId="83" xfId="5" applyFont="1" applyFill="1" applyBorder="1" applyAlignment="1" applyProtection="1">
      <alignment horizontal="left" vertical="center"/>
    </xf>
    <xf numFmtId="181" fontId="7" fillId="0" borderId="82" xfId="1" applyNumberFormat="1" applyFont="1" applyFill="1" applyBorder="1" applyAlignment="1" applyProtection="1">
      <alignment vertical="center"/>
    </xf>
    <xf numFmtId="181" fontId="7" fillId="0" borderId="80" xfId="1" applyNumberFormat="1" applyFont="1" applyFill="1" applyBorder="1" applyAlignment="1" applyProtection="1">
      <alignment vertical="center"/>
    </xf>
    <xf numFmtId="0" fontId="9" fillId="0" borderId="14" xfId="5" applyFont="1" applyFill="1" applyBorder="1" applyAlignment="1" applyProtection="1">
      <alignment horizontal="center" vertical="center"/>
    </xf>
    <xf numFmtId="0" fontId="7" fillId="0" borderId="46" xfId="5" applyFont="1" applyFill="1" applyBorder="1" applyAlignment="1" applyProtection="1">
      <alignment horizontal="left" vertical="center"/>
    </xf>
    <xf numFmtId="0" fontId="9" fillId="0" borderId="63" xfId="5" applyFont="1" applyFill="1" applyBorder="1" applyAlignment="1" applyProtection="1">
      <alignment horizontal="center" vertical="center"/>
    </xf>
    <xf numFmtId="0" fontId="7" fillId="0" borderId="71" xfId="5" applyFont="1" applyFill="1" applyBorder="1" applyAlignment="1" applyProtection="1">
      <alignment horizontal="left" vertical="center"/>
    </xf>
    <xf numFmtId="181" fontId="7" fillId="0" borderId="78" xfId="1" applyNumberFormat="1" applyFont="1" applyFill="1" applyBorder="1" applyAlignment="1" applyProtection="1">
      <alignment vertical="center"/>
    </xf>
    <xf numFmtId="38" fontId="7" fillId="0" borderId="9" xfId="1" applyFont="1" applyFill="1" applyBorder="1" applyAlignment="1" applyProtection="1">
      <alignment vertical="center"/>
    </xf>
    <xf numFmtId="38" fontId="7" fillId="0" borderId="21" xfId="1" applyFont="1" applyFill="1" applyBorder="1" applyAlignment="1" applyProtection="1">
      <alignment vertical="center"/>
    </xf>
    <xf numFmtId="181" fontId="7" fillId="0" borderId="77" xfId="1" applyNumberFormat="1" applyFont="1" applyFill="1" applyBorder="1" applyAlignment="1" applyProtection="1">
      <alignment vertical="center"/>
    </xf>
    <xf numFmtId="0" fontId="7" fillId="0" borderId="0" xfId="5" applyFont="1" applyFill="1"/>
    <xf numFmtId="38" fontId="7" fillId="0" borderId="0" xfId="1" applyFont="1" applyFill="1"/>
    <xf numFmtId="0" fontId="17" fillId="0" borderId="0" xfId="3" applyFont="1" applyFill="1" applyAlignment="1">
      <alignment vertical="center"/>
    </xf>
    <xf numFmtId="38" fontId="12" fillId="0" borderId="73" xfId="1" applyFont="1" applyFill="1" applyBorder="1" applyAlignment="1" applyProtection="1">
      <alignment horizontal="distributed" vertical="center" wrapText="1" justifyLastLine="1" shrinkToFit="1"/>
    </xf>
    <xf numFmtId="38" fontId="12" fillId="0" borderId="33" xfId="1" applyFont="1" applyFill="1" applyBorder="1" applyAlignment="1" applyProtection="1">
      <alignment horizontal="distributed" vertical="center" justifyLastLine="1" shrinkToFit="1"/>
    </xf>
    <xf numFmtId="38" fontId="12" fillId="0" borderId="46" xfId="1" applyFont="1" applyFill="1" applyBorder="1" applyAlignment="1" applyProtection="1">
      <alignment horizontal="distributed" vertical="center" justifyLastLine="1" shrinkToFit="1"/>
    </xf>
    <xf numFmtId="38" fontId="12" fillId="0" borderId="44" xfId="1" applyFont="1" applyFill="1" applyBorder="1" applyAlignment="1" applyProtection="1">
      <alignment horizontal="distributed" vertical="center" justifyLastLine="1" shrinkToFit="1"/>
    </xf>
    <xf numFmtId="0" fontId="10" fillId="0" borderId="75" xfId="2" applyFont="1" applyFill="1" applyBorder="1" applyAlignment="1" applyProtection="1">
      <alignment horizontal="center" vertical="center" justifyLastLine="1"/>
    </xf>
    <xf numFmtId="0" fontId="10" fillId="0" borderId="4" xfId="2" applyFont="1" applyFill="1" applyBorder="1" applyAlignment="1" applyProtection="1">
      <alignment horizontal="center" vertical="center" justifyLastLine="1"/>
    </xf>
    <xf numFmtId="0" fontId="10" fillId="0" borderId="58" xfId="2" applyFont="1" applyFill="1" applyBorder="1" applyAlignment="1" applyProtection="1">
      <alignment horizontal="center" vertical="center" justifyLastLine="1"/>
    </xf>
    <xf numFmtId="38" fontId="12" fillId="0" borderId="1" xfId="1" applyFont="1" applyFill="1" applyBorder="1" applyAlignment="1" applyProtection="1">
      <alignment horizontal="center" vertical="center" shrinkToFit="1"/>
    </xf>
    <xf numFmtId="38" fontId="12" fillId="0" borderId="58" xfId="1" applyFont="1" applyFill="1" applyBorder="1" applyAlignment="1" applyProtection="1">
      <alignment horizontal="center" vertical="center" shrinkToFit="1"/>
    </xf>
    <xf numFmtId="38" fontId="12" fillId="0" borderId="73" xfId="1" applyFont="1" applyFill="1" applyBorder="1" applyAlignment="1" applyProtection="1">
      <alignment horizontal="distributed" vertical="center" justifyLastLine="1" shrinkToFit="1"/>
    </xf>
    <xf numFmtId="38" fontId="12" fillId="0" borderId="74" xfId="1" applyFont="1" applyFill="1" applyBorder="1" applyAlignment="1" applyProtection="1">
      <alignment horizontal="distributed" vertical="center" justifyLastLine="1" shrinkToFit="1"/>
    </xf>
    <xf numFmtId="38" fontId="12" fillId="0" borderId="13" xfId="1" applyFont="1" applyFill="1" applyBorder="1" applyAlignment="1" applyProtection="1">
      <alignment horizontal="distributed" vertical="center" justifyLastLine="1" shrinkToFit="1"/>
    </xf>
    <xf numFmtId="38" fontId="12" fillId="0" borderId="23" xfId="1" applyFont="1" applyFill="1" applyBorder="1" applyAlignment="1" applyProtection="1">
      <alignment horizontal="distributed" justifyLastLine="1" shrinkToFit="1"/>
    </xf>
    <xf numFmtId="0" fontId="12" fillId="0" borderId="22" xfId="0" applyFont="1" applyFill="1" applyBorder="1" applyAlignment="1">
      <alignment horizontal="distributed" justifyLastLine="1" shrinkToFit="1"/>
    </xf>
    <xf numFmtId="0" fontId="12" fillId="0" borderId="34" xfId="0" applyFont="1" applyFill="1" applyBorder="1" applyAlignment="1">
      <alignment horizontal="distributed" justifyLastLine="1" shrinkToFit="1"/>
    </xf>
    <xf numFmtId="38" fontId="12" fillId="0" borderId="73" xfId="1" applyFont="1" applyFill="1" applyBorder="1" applyAlignment="1" applyProtection="1">
      <alignment horizontal="center" vertical="center" shrinkToFit="1"/>
    </xf>
    <xf numFmtId="38" fontId="12" fillId="0" borderId="74" xfId="1" applyFont="1" applyFill="1" applyBorder="1" applyAlignment="1" applyProtection="1">
      <alignment horizontal="center" vertical="center" shrinkToFit="1"/>
    </xf>
    <xf numFmtId="38" fontId="12" fillId="0" borderId="46" xfId="1" applyFont="1" applyFill="1" applyBorder="1" applyAlignment="1" applyProtection="1">
      <alignment horizontal="center" vertical="center" shrinkToFit="1"/>
    </xf>
    <xf numFmtId="38" fontId="12" fillId="0" borderId="13" xfId="1" applyFont="1" applyFill="1" applyBorder="1" applyAlignment="1" applyProtection="1">
      <alignment horizontal="center" vertical="center" shrinkToFit="1"/>
    </xf>
    <xf numFmtId="0" fontId="9" fillId="0" borderId="60" xfId="2" applyFont="1" applyFill="1" applyBorder="1" applyAlignment="1">
      <alignment horizontal="distributed" vertical="center" justifyLastLine="1"/>
    </xf>
    <xf numFmtId="0" fontId="9" fillId="0" borderId="59" xfId="0" applyFont="1" applyFill="1" applyBorder="1" applyAlignment="1">
      <alignment horizontal="distributed" vertical="center" justifyLastLine="1"/>
    </xf>
    <xf numFmtId="0" fontId="9" fillId="0" borderId="55" xfId="2" applyFont="1" applyFill="1" applyBorder="1" applyAlignment="1">
      <alignment horizontal="distributed" vertical="center" justifyLastLine="1"/>
    </xf>
    <xf numFmtId="0" fontId="9" fillId="0" borderId="54" xfId="0" applyFont="1" applyFill="1" applyBorder="1" applyAlignment="1">
      <alignment horizontal="distributed" vertical="center" justifyLastLine="1"/>
    </xf>
    <xf numFmtId="38" fontId="12" fillId="0" borderId="73" xfId="1" applyFont="1" applyFill="1" applyBorder="1" applyAlignment="1">
      <alignment horizontal="center" vertical="center" wrapText="1"/>
    </xf>
    <xf numFmtId="0" fontId="12" fillId="0" borderId="74" xfId="0" applyFont="1" applyFill="1" applyBorder="1"/>
    <xf numFmtId="0" fontId="12" fillId="0" borderId="46" xfId="0" applyFont="1" applyFill="1" applyBorder="1"/>
    <xf numFmtId="0" fontId="12" fillId="0" borderId="13" xfId="0" applyFont="1" applyFill="1" applyBorder="1"/>
    <xf numFmtId="0" fontId="9" fillId="0" borderId="14" xfId="2" applyFont="1" applyFill="1" applyBorder="1" applyAlignment="1">
      <alignment horizontal="distributed" vertical="center" justifyLastLine="1"/>
    </xf>
    <xf numFmtId="0" fontId="9" fillId="0" borderId="7" xfId="0" applyFont="1" applyFill="1" applyBorder="1" applyAlignment="1">
      <alignment horizontal="distributed" vertical="center" justifyLastLine="1"/>
    </xf>
    <xf numFmtId="38" fontId="12" fillId="0" borderId="23" xfId="1" applyFont="1" applyFill="1" applyBorder="1" applyAlignment="1" applyProtection="1">
      <alignment horizontal="center" shrinkToFit="1"/>
    </xf>
    <xf numFmtId="0" fontId="12" fillId="0" borderId="22" xfId="0" applyFont="1" applyFill="1" applyBorder="1" applyAlignment="1">
      <alignment shrinkToFit="1"/>
    </xf>
    <xf numFmtId="0" fontId="12" fillId="0" borderId="34" xfId="0" applyFont="1" applyFill="1" applyBorder="1" applyAlignment="1">
      <alignment shrinkToFit="1"/>
    </xf>
    <xf numFmtId="0" fontId="3" fillId="0" borderId="0" xfId="0" applyFont="1" applyFill="1" applyAlignment="1">
      <alignment vertical="center" wrapText="1"/>
    </xf>
    <xf numFmtId="0" fontId="7" fillId="0" borderId="0" xfId="0" applyFont="1" applyFill="1" applyAlignment="1">
      <alignment vertical="center"/>
    </xf>
    <xf numFmtId="0" fontId="3" fillId="0" borderId="0" xfId="0" applyFont="1" applyFill="1" applyBorder="1" applyAlignment="1">
      <alignment horizontal="right" vertical="center"/>
    </xf>
    <xf numFmtId="0" fontId="3" fillId="0" borderId="27" xfId="0" applyFont="1" applyFill="1" applyBorder="1" applyAlignment="1">
      <alignment horizontal="distributed" vertical="center" justifyLastLine="1"/>
    </xf>
    <xf numFmtId="0" fontId="0" fillId="0" borderId="22" xfId="0" applyFill="1" applyBorder="1" applyAlignment="1">
      <alignment horizontal="distributed" vertical="center" justifyLastLine="1"/>
    </xf>
    <xf numFmtId="0" fontId="0" fillId="0" borderId="34" xfId="0" applyFill="1" applyBorder="1" applyAlignment="1">
      <alignment horizontal="distributed" vertical="center" justifyLastLine="1"/>
    </xf>
    <xf numFmtId="0" fontId="3" fillId="0" borderId="32" xfId="0" applyFont="1" applyFill="1" applyBorder="1" applyAlignment="1">
      <alignment horizontal="distributed" vertical="center" justifyLastLine="1"/>
    </xf>
    <xf numFmtId="0" fontId="3" fillId="0" borderId="33" xfId="0" applyFont="1" applyFill="1" applyBorder="1" applyAlignment="1">
      <alignment horizontal="distributed" vertical="center" justifyLastLine="1"/>
    </xf>
    <xf numFmtId="0" fontId="3" fillId="0" borderId="23" xfId="0" applyFont="1" applyFill="1" applyBorder="1" applyAlignment="1">
      <alignment horizontal="distributed" vertical="center" justifyLastLine="1"/>
    </xf>
    <xf numFmtId="0" fontId="3" fillId="0" borderId="22" xfId="0" applyFont="1" applyFill="1" applyBorder="1" applyAlignment="1">
      <alignment horizontal="distributed" vertical="center" justifyLastLine="1"/>
    </xf>
    <xf numFmtId="0" fontId="3" fillId="0" borderId="45" xfId="0" applyFont="1" applyFill="1" applyBorder="1" applyAlignment="1">
      <alignment horizontal="distributed" vertical="center" justifyLastLine="1"/>
    </xf>
    <xf numFmtId="0" fontId="3" fillId="0" borderId="27" xfId="0" applyFont="1" applyFill="1" applyBorder="1" applyAlignment="1">
      <alignment horizontal="center" vertical="center"/>
    </xf>
    <xf numFmtId="0" fontId="4" fillId="0" borderId="34" xfId="0" applyFont="1" applyFill="1" applyBorder="1" applyAlignment="1">
      <alignment horizontal="center" vertical="center"/>
    </xf>
    <xf numFmtId="0" fontId="3" fillId="0" borderId="20" xfId="0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 wrapText="1"/>
    </xf>
    <xf numFmtId="0" fontId="3" fillId="0" borderId="35" xfId="0" applyFont="1" applyFill="1" applyBorder="1" applyAlignment="1">
      <alignment horizontal="center" vertical="center"/>
    </xf>
    <xf numFmtId="0" fontId="4" fillId="0" borderId="36" xfId="0" applyFont="1" applyFill="1" applyBorder="1" applyAlignment="1">
      <alignment horizontal="center" vertical="center"/>
    </xf>
    <xf numFmtId="0" fontId="3" fillId="0" borderId="34" xfId="0" applyFont="1" applyFill="1" applyBorder="1" applyAlignment="1">
      <alignment horizontal="distributed" vertical="center" justifyLastLine="1"/>
    </xf>
    <xf numFmtId="0" fontId="3" fillId="0" borderId="37" xfId="0" applyFont="1" applyFill="1" applyBorder="1" applyAlignment="1">
      <alignment horizontal="left" vertical="center" wrapText="1"/>
    </xf>
    <xf numFmtId="0" fontId="4" fillId="0" borderId="38" xfId="0" applyFont="1" applyFill="1" applyBorder="1" applyAlignment="1">
      <alignment horizontal="left" vertical="center" wrapText="1"/>
    </xf>
    <xf numFmtId="0" fontId="3" fillId="0" borderId="39" xfId="0" applyFont="1" applyFill="1" applyBorder="1" applyAlignment="1">
      <alignment horizontal="left" vertical="center" wrapText="1"/>
    </xf>
    <xf numFmtId="0" fontId="4" fillId="0" borderId="40" xfId="0" applyFont="1" applyFill="1" applyBorder="1" applyAlignment="1">
      <alignment horizontal="left" vertical="center" wrapText="1"/>
    </xf>
    <xf numFmtId="0" fontId="7" fillId="0" borderId="60" xfId="5" applyFont="1" applyFill="1" applyBorder="1" applyAlignment="1">
      <alignment horizontal="distributed" vertical="center" justifyLastLine="1"/>
    </xf>
    <xf numFmtId="0" fontId="7" fillId="0" borderId="59" xfId="5" applyFont="1" applyFill="1" applyBorder="1" applyAlignment="1">
      <alignment horizontal="distributed" vertical="center" justifyLastLine="1"/>
    </xf>
    <xf numFmtId="0" fontId="7" fillId="0" borderId="55" xfId="5" applyFont="1" applyFill="1" applyBorder="1" applyAlignment="1">
      <alignment horizontal="distributed" vertical="center" justifyLastLine="1"/>
    </xf>
    <xf numFmtId="0" fontId="7" fillId="0" borderId="54" xfId="5" applyFont="1" applyFill="1" applyBorder="1" applyAlignment="1">
      <alignment horizontal="distributed" vertical="center" justifyLastLine="1"/>
    </xf>
    <xf numFmtId="38" fontId="7" fillId="0" borderId="87" xfId="1" applyFont="1" applyFill="1" applyBorder="1" applyAlignment="1">
      <alignment horizontal="distributed" vertical="center" justifyLastLine="1"/>
    </xf>
    <xf numFmtId="38" fontId="7" fillId="0" borderId="85" xfId="1" applyFont="1" applyFill="1" applyBorder="1" applyAlignment="1">
      <alignment horizontal="distributed" vertical="center" justifyLastLine="1"/>
    </xf>
    <xf numFmtId="38" fontId="7" fillId="0" borderId="78" xfId="1" applyFont="1" applyFill="1" applyBorder="1" applyAlignment="1">
      <alignment horizontal="distributed" vertical="center" justifyLastLine="1"/>
    </xf>
    <xf numFmtId="0" fontId="7" fillId="0" borderId="76" xfId="0" applyFont="1" applyFill="1" applyBorder="1" applyAlignment="1">
      <alignment horizontal="distributed" vertical="center" justifyLastLine="1"/>
    </xf>
    <xf numFmtId="0" fontId="7" fillId="0" borderId="74" xfId="0" applyFont="1" applyFill="1" applyBorder="1" applyAlignment="1">
      <alignment horizontal="distributed" vertical="center" justifyLastLine="1"/>
    </xf>
    <xf numFmtId="0" fontId="7" fillId="0" borderId="14" xfId="0" applyFont="1" applyFill="1" applyBorder="1" applyAlignment="1">
      <alignment horizontal="distributed" vertical="center" justifyLastLine="1"/>
    </xf>
    <xf numFmtId="0" fontId="7" fillId="0" borderId="7" xfId="0" applyFont="1" applyFill="1" applyBorder="1" applyAlignment="1">
      <alignment horizontal="distributed" vertical="center" justifyLastLine="1"/>
    </xf>
    <xf numFmtId="0" fontId="7" fillId="0" borderId="63" xfId="0" applyFont="1" applyFill="1" applyBorder="1" applyAlignment="1">
      <alignment horizontal="distributed" vertical="center" justifyLastLine="1"/>
    </xf>
    <xf numFmtId="0" fontId="7" fillId="0" borderId="86" xfId="0" applyFont="1" applyFill="1" applyBorder="1" applyAlignment="1">
      <alignment horizontal="distributed" vertical="center" justifyLastLine="1"/>
    </xf>
    <xf numFmtId="38" fontId="7" fillId="0" borderId="73" xfId="1" applyFont="1" applyFill="1" applyBorder="1" applyAlignment="1">
      <alignment horizontal="center" vertical="center"/>
    </xf>
    <xf numFmtId="38" fontId="7" fillId="0" borderId="32" xfId="1" applyFont="1" applyFill="1" applyBorder="1" applyAlignment="1">
      <alignment horizontal="center" vertical="center"/>
    </xf>
    <xf numFmtId="38" fontId="7" fillId="0" borderId="33" xfId="1" applyFont="1" applyFill="1" applyBorder="1" applyAlignment="1">
      <alignment horizontal="center" vertical="center"/>
    </xf>
    <xf numFmtId="38" fontId="7" fillId="0" borderId="46" xfId="1" applyFont="1" applyFill="1" applyBorder="1" applyAlignment="1">
      <alignment horizontal="center" vertical="center"/>
    </xf>
    <xf numFmtId="38" fontId="7" fillId="0" borderId="24" xfId="1" applyFont="1" applyFill="1" applyBorder="1" applyAlignment="1">
      <alignment horizontal="center" vertical="center"/>
    </xf>
    <xf numFmtId="38" fontId="7" fillId="0" borderId="44" xfId="1" applyFont="1" applyFill="1" applyBorder="1" applyAlignment="1">
      <alignment horizontal="center" vertical="center"/>
    </xf>
    <xf numFmtId="38" fontId="7" fillId="0" borderId="76" xfId="1" applyFont="1" applyFill="1" applyBorder="1" applyAlignment="1">
      <alignment horizontal="center" vertical="center"/>
    </xf>
    <xf numFmtId="38" fontId="7" fillId="0" borderId="15" xfId="1" applyFont="1" applyFill="1" applyBorder="1" applyAlignment="1">
      <alignment horizontal="center" vertical="center"/>
    </xf>
  </cellXfs>
  <cellStyles count="6">
    <cellStyle name="桁区切り" xfId="1" builtinId="6"/>
    <cellStyle name="標準" xfId="0" builtinId="0"/>
    <cellStyle name="標準_事04統13" xfId="4"/>
    <cellStyle name="標準_第１表_1" xfId="2"/>
    <cellStyle name="標準_第５表" xfId="5"/>
    <cellStyle name="標準_第７表 (2)" xfId="3"/>
  </cellStyles>
  <dxfs count="0"/>
  <tableStyles count="0" defaultTableStyle="TableStyleMedium9" defaultPivotStyle="PivotStyleLight16"/>
  <colors>
    <mruColors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77"/>
  <sheetViews>
    <sheetView tabSelected="1" zoomScaleNormal="100" zoomScaleSheetLayoutView="100" workbookViewId="0">
      <pane xSplit="3" ySplit="5" topLeftCell="D6" activePane="bottomRight" state="frozen"/>
      <selection activeCell="C1" sqref="C1:D1048576"/>
      <selection pane="topRight" activeCell="C1" sqref="C1:D1048576"/>
      <selection pane="bottomLeft" activeCell="C1" sqref="C1:D1048576"/>
      <selection pane="bottomRight"/>
    </sheetView>
  </sheetViews>
  <sheetFormatPr defaultColWidth="9" defaultRowHeight="9.6" x14ac:dyDescent="0.15"/>
  <cols>
    <col min="1" max="1" width="3.44140625" style="179" customWidth="1"/>
    <col min="2" max="2" width="9" style="179"/>
    <col min="3" max="3" width="12.6640625" style="177" customWidth="1"/>
    <col min="4" max="5" width="7" style="180" customWidth="1"/>
    <col min="6" max="7" width="6.109375" style="180" customWidth="1"/>
    <col min="8" max="8" width="6" style="180" customWidth="1"/>
    <col min="9" max="9" width="5.6640625" style="180" customWidth="1"/>
    <col min="10" max="11" width="6.88671875" style="180" customWidth="1"/>
    <col min="12" max="13" width="7.109375" style="180" bestFit="1" customWidth="1"/>
    <col min="14" max="15" width="7" style="180" customWidth="1"/>
    <col min="16" max="19" width="5.6640625" style="180" customWidth="1"/>
    <col min="20" max="23" width="6.6640625" style="180" customWidth="1"/>
    <col min="24" max="25" width="3.77734375" style="180" customWidth="1"/>
    <col min="26" max="29" width="9" style="179"/>
    <col min="30" max="30" width="5.88671875" style="179" customWidth="1"/>
    <col min="31" max="16384" width="9" style="179"/>
  </cols>
  <sheetData>
    <row r="1" spans="1:25" s="137" customFormat="1" ht="13.2" x14ac:dyDescent="0.2">
      <c r="A1" s="134" t="s">
        <v>159</v>
      </c>
      <c r="B1" s="135"/>
      <c r="C1" s="136"/>
      <c r="D1" s="108"/>
      <c r="E1" s="108"/>
      <c r="F1" s="108"/>
      <c r="G1" s="108"/>
      <c r="H1" s="108"/>
      <c r="I1" s="108"/>
      <c r="J1" s="108"/>
      <c r="K1" s="108"/>
      <c r="L1" s="108"/>
      <c r="M1" s="108"/>
      <c r="N1" s="108"/>
      <c r="O1" s="108"/>
      <c r="P1" s="108"/>
      <c r="Q1" s="108"/>
      <c r="R1" s="108"/>
      <c r="S1" s="108"/>
      <c r="T1" s="108"/>
      <c r="U1" s="108"/>
      <c r="V1" s="108"/>
      <c r="W1" s="108"/>
      <c r="X1" s="108"/>
      <c r="Y1" s="108"/>
    </row>
    <row r="2" spans="1:25" s="137" customFormat="1" ht="13.8" thickBot="1" x14ac:dyDescent="0.25">
      <c r="A2" s="134" t="s">
        <v>158</v>
      </c>
      <c r="B2" s="135"/>
      <c r="C2" s="136"/>
      <c r="D2" s="108"/>
      <c r="E2" s="108"/>
      <c r="F2" s="108"/>
      <c r="G2" s="108"/>
      <c r="H2" s="108"/>
      <c r="I2" s="108"/>
      <c r="J2" s="138"/>
      <c r="K2" s="108"/>
      <c r="L2" s="108"/>
      <c r="M2" s="139"/>
      <c r="N2" s="108"/>
      <c r="O2" s="139"/>
      <c r="P2" s="108"/>
      <c r="Q2" s="108"/>
      <c r="R2" s="108"/>
      <c r="S2" s="108"/>
      <c r="T2" s="108"/>
      <c r="U2" s="108"/>
      <c r="V2" s="108"/>
      <c r="W2" s="108"/>
      <c r="X2" s="108"/>
      <c r="Y2" s="108"/>
    </row>
    <row r="3" spans="1:25" s="137" customFormat="1" ht="12.75" customHeight="1" x14ac:dyDescent="0.15">
      <c r="A3" s="140"/>
      <c r="B3" s="141"/>
      <c r="C3" s="221" t="s">
        <v>157</v>
      </c>
      <c r="D3" s="229" t="s">
        <v>156</v>
      </c>
      <c r="E3" s="231"/>
      <c r="F3" s="229" t="s">
        <v>155</v>
      </c>
      <c r="G3" s="230"/>
      <c r="H3" s="230"/>
      <c r="I3" s="231"/>
      <c r="J3" s="226" t="s">
        <v>154</v>
      </c>
      <c r="K3" s="227"/>
      <c r="L3" s="232" t="s">
        <v>153</v>
      </c>
      <c r="M3" s="233"/>
      <c r="N3" s="232" t="s">
        <v>152</v>
      </c>
      <c r="O3" s="233"/>
      <c r="P3" s="246" t="s">
        <v>151</v>
      </c>
      <c r="Q3" s="247"/>
      <c r="R3" s="247"/>
      <c r="S3" s="247"/>
      <c r="T3" s="247"/>
      <c r="U3" s="248"/>
      <c r="V3" s="240" t="s">
        <v>150</v>
      </c>
      <c r="W3" s="241"/>
      <c r="X3" s="217" t="s">
        <v>149</v>
      </c>
      <c r="Y3" s="218"/>
    </row>
    <row r="4" spans="1:25" s="137" customFormat="1" ht="12.75" customHeight="1" x14ac:dyDescent="0.15">
      <c r="A4" s="244" t="s">
        <v>148</v>
      </c>
      <c r="B4" s="245"/>
      <c r="C4" s="222"/>
      <c r="D4" s="224" t="s">
        <v>142</v>
      </c>
      <c r="E4" s="224" t="s">
        <v>141</v>
      </c>
      <c r="F4" s="142" t="s">
        <v>147</v>
      </c>
      <c r="G4" s="143"/>
      <c r="H4" s="142" t="s">
        <v>146</v>
      </c>
      <c r="I4" s="144"/>
      <c r="J4" s="219"/>
      <c r="K4" s="228"/>
      <c r="L4" s="234"/>
      <c r="M4" s="235"/>
      <c r="N4" s="234"/>
      <c r="O4" s="235"/>
      <c r="P4" s="145" t="s">
        <v>145</v>
      </c>
      <c r="Q4" s="146"/>
      <c r="R4" s="145" t="s">
        <v>144</v>
      </c>
      <c r="S4" s="147"/>
      <c r="T4" s="145" t="s">
        <v>143</v>
      </c>
      <c r="U4" s="146"/>
      <c r="V4" s="242"/>
      <c r="W4" s="243"/>
      <c r="X4" s="219"/>
      <c r="Y4" s="220"/>
    </row>
    <row r="5" spans="1:25" s="137" customFormat="1" ht="12.75" customHeight="1" thickBot="1" x14ac:dyDescent="0.25">
      <c r="A5" s="148"/>
      <c r="B5" s="149"/>
      <c r="C5" s="223"/>
      <c r="D5" s="225"/>
      <c r="E5" s="225"/>
      <c r="F5" s="107" t="s">
        <v>142</v>
      </c>
      <c r="G5" s="107" t="s">
        <v>141</v>
      </c>
      <c r="H5" s="107" t="s">
        <v>142</v>
      </c>
      <c r="I5" s="150" t="s">
        <v>141</v>
      </c>
      <c r="J5" s="107" t="s">
        <v>142</v>
      </c>
      <c r="K5" s="107" t="s">
        <v>141</v>
      </c>
      <c r="L5" s="107" t="s">
        <v>142</v>
      </c>
      <c r="M5" s="107" t="s">
        <v>141</v>
      </c>
      <c r="N5" s="151" t="s">
        <v>142</v>
      </c>
      <c r="O5" s="151" t="s">
        <v>141</v>
      </c>
      <c r="P5" s="107" t="s">
        <v>142</v>
      </c>
      <c r="Q5" s="107" t="s">
        <v>141</v>
      </c>
      <c r="R5" s="107" t="s">
        <v>142</v>
      </c>
      <c r="S5" s="150" t="s">
        <v>141</v>
      </c>
      <c r="T5" s="107" t="s">
        <v>142</v>
      </c>
      <c r="U5" s="107" t="s">
        <v>141</v>
      </c>
      <c r="V5" s="107" t="s">
        <v>140</v>
      </c>
      <c r="W5" s="107" t="s">
        <v>139</v>
      </c>
      <c r="X5" s="107" t="s">
        <v>138</v>
      </c>
      <c r="Y5" s="152" t="s">
        <v>137</v>
      </c>
    </row>
    <row r="6" spans="1:25" s="137" customFormat="1" ht="14.1" customHeight="1" thickTop="1" x14ac:dyDescent="0.15">
      <c r="A6" s="153">
        <v>1</v>
      </c>
      <c r="B6" s="104" t="s">
        <v>136</v>
      </c>
      <c r="C6" s="154" t="s">
        <v>135</v>
      </c>
      <c r="D6" s="99">
        <v>464218</v>
      </c>
      <c r="E6" s="99">
        <v>468066</v>
      </c>
      <c r="F6" s="99">
        <v>1</v>
      </c>
      <c r="G6" s="99">
        <v>1</v>
      </c>
      <c r="H6" s="99">
        <v>0</v>
      </c>
      <c r="I6" s="99">
        <v>1</v>
      </c>
      <c r="J6" s="99">
        <v>674944</v>
      </c>
      <c r="K6" s="99">
        <v>683854</v>
      </c>
      <c r="L6" s="99">
        <v>674943</v>
      </c>
      <c r="M6" s="99">
        <v>683852</v>
      </c>
      <c r="N6" s="99">
        <v>286819</v>
      </c>
      <c r="O6" s="99">
        <v>288771</v>
      </c>
      <c r="P6" s="99">
        <v>1</v>
      </c>
      <c r="Q6" s="99">
        <v>2</v>
      </c>
      <c r="R6" s="99">
        <v>0</v>
      </c>
      <c r="S6" s="99">
        <v>0</v>
      </c>
      <c r="T6" s="99">
        <v>1</v>
      </c>
      <c r="U6" s="99">
        <v>2</v>
      </c>
      <c r="V6" s="99">
        <v>222426</v>
      </c>
      <c r="W6" s="99">
        <v>225371</v>
      </c>
      <c r="X6" s="99">
        <v>0</v>
      </c>
      <c r="Y6" s="98">
        <v>454</v>
      </c>
    </row>
    <row r="7" spans="1:25" s="137" customFormat="1" ht="14.1" customHeight="1" x14ac:dyDescent="0.15">
      <c r="A7" s="153">
        <v>2</v>
      </c>
      <c r="B7" s="104" t="s">
        <v>134</v>
      </c>
      <c r="C7" s="155" t="s">
        <v>78</v>
      </c>
      <c r="D7" s="96">
        <v>178588</v>
      </c>
      <c r="E7" s="96">
        <v>179549</v>
      </c>
      <c r="F7" s="96">
        <v>0</v>
      </c>
      <c r="G7" s="96">
        <v>0</v>
      </c>
      <c r="H7" s="96">
        <v>0</v>
      </c>
      <c r="I7" s="96">
        <v>0</v>
      </c>
      <c r="J7" s="96">
        <v>255274</v>
      </c>
      <c r="K7" s="96">
        <v>258268</v>
      </c>
      <c r="L7" s="96">
        <v>255274</v>
      </c>
      <c r="M7" s="96">
        <v>258268</v>
      </c>
      <c r="N7" s="96">
        <v>95106</v>
      </c>
      <c r="O7" s="96">
        <v>95538</v>
      </c>
      <c r="P7" s="96">
        <v>0</v>
      </c>
      <c r="Q7" s="96">
        <v>0</v>
      </c>
      <c r="R7" s="96">
        <v>0</v>
      </c>
      <c r="S7" s="96">
        <v>0</v>
      </c>
      <c r="T7" s="96">
        <v>0</v>
      </c>
      <c r="U7" s="96">
        <v>0</v>
      </c>
      <c r="V7" s="96">
        <v>87242</v>
      </c>
      <c r="W7" s="96">
        <v>88469</v>
      </c>
      <c r="X7" s="96">
        <v>151</v>
      </c>
      <c r="Y7" s="95">
        <v>0</v>
      </c>
    </row>
    <row r="8" spans="1:25" s="137" customFormat="1" ht="14.1" customHeight="1" x14ac:dyDescent="0.15">
      <c r="A8" s="153">
        <v>3</v>
      </c>
      <c r="B8" s="104" t="s">
        <v>133</v>
      </c>
      <c r="C8" s="155" t="s">
        <v>132</v>
      </c>
      <c r="D8" s="96">
        <v>58666</v>
      </c>
      <c r="E8" s="96">
        <v>59386</v>
      </c>
      <c r="F8" s="96">
        <v>0</v>
      </c>
      <c r="G8" s="96">
        <v>0</v>
      </c>
      <c r="H8" s="96">
        <v>0</v>
      </c>
      <c r="I8" s="96">
        <v>0</v>
      </c>
      <c r="J8" s="96">
        <v>88069</v>
      </c>
      <c r="K8" s="96">
        <v>89608</v>
      </c>
      <c r="L8" s="96">
        <v>88069</v>
      </c>
      <c r="M8" s="96">
        <v>89607</v>
      </c>
      <c r="N8" s="96">
        <v>41476</v>
      </c>
      <c r="O8" s="96">
        <v>41982</v>
      </c>
      <c r="P8" s="96">
        <v>0</v>
      </c>
      <c r="Q8" s="96">
        <v>1</v>
      </c>
      <c r="R8" s="96">
        <v>0</v>
      </c>
      <c r="S8" s="96">
        <v>0</v>
      </c>
      <c r="T8" s="96">
        <v>0</v>
      </c>
      <c r="U8" s="96">
        <v>1</v>
      </c>
      <c r="V8" s="96">
        <v>26700</v>
      </c>
      <c r="W8" s="96">
        <v>27264</v>
      </c>
      <c r="X8" s="96">
        <v>42</v>
      </c>
      <c r="Y8" s="95">
        <v>1</v>
      </c>
    </row>
    <row r="9" spans="1:25" s="137" customFormat="1" ht="14.1" customHeight="1" x14ac:dyDescent="0.15">
      <c r="A9" s="153">
        <v>4</v>
      </c>
      <c r="B9" s="104" t="s">
        <v>131</v>
      </c>
      <c r="C9" s="155" t="s">
        <v>130</v>
      </c>
      <c r="D9" s="96">
        <v>36141</v>
      </c>
      <c r="E9" s="96">
        <v>36414</v>
      </c>
      <c r="F9" s="96">
        <v>0</v>
      </c>
      <c r="G9" s="96">
        <v>0</v>
      </c>
      <c r="H9" s="96">
        <v>0</v>
      </c>
      <c r="I9" s="96">
        <v>0</v>
      </c>
      <c r="J9" s="96">
        <v>55410</v>
      </c>
      <c r="K9" s="96">
        <v>56171</v>
      </c>
      <c r="L9" s="96">
        <v>55410</v>
      </c>
      <c r="M9" s="96">
        <v>56171</v>
      </c>
      <c r="N9" s="96">
        <v>25492</v>
      </c>
      <c r="O9" s="96">
        <v>25594</v>
      </c>
      <c r="P9" s="96">
        <v>0</v>
      </c>
      <c r="Q9" s="96">
        <v>0</v>
      </c>
      <c r="R9" s="96">
        <v>0</v>
      </c>
      <c r="S9" s="96">
        <v>0</v>
      </c>
      <c r="T9" s="96">
        <v>0</v>
      </c>
      <c r="U9" s="96">
        <v>0</v>
      </c>
      <c r="V9" s="96">
        <v>17255</v>
      </c>
      <c r="W9" s="96">
        <v>17620</v>
      </c>
      <c r="X9" s="96">
        <v>26</v>
      </c>
      <c r="Y9" s="95">
        <v>1</v>
      </c>
    </row>
    <row r="10" spans="1:25" s="137" customFormat="1" ht="14.1" customHeight="1" x14ac:dyDescent="0.15">
      <c r="A10" s="153">
        <v>5</v>
      </c>
      <c r="B10" s="104" t="s">
        <v>129</v>
      </c>
      <c r="C10" s="155" t="s">
        <v>107</v>
      </c>
      <c r="D10" s="96">
        <v>24257</v>
      </c>
      <c r="E10" s="96">
        <v>24348</v>
      </c>
      <c r="F10" s="96">
        <v>1</v>
      </c>
      <c r="G10" s="96">
        <v>1</v>
      </c>
      <c r="H10" s="96">
        <v>1</v>
      </c>
      <c r="I10" s="96">
        <v>1</v>
      </c>
      <c r="J10" s="96">
        <v>36138</v>
      </c>
      <c r="K10" s="96">
        <v>36358</v>
      </c>
      <c r="L10" s="96">
        <v>36136</v>
      </c>
      <c r="M10" s="96">
        <v>36356</v>
      </c>
      <c r="N10" s="96">
        <v>15826</v>
      </c>
      <c r="O10" s="96">
        <v>15979</v>
      </c>
      <c r="P10" s="96">
        <v>2</v>
      </c>
      <c r="Q10" s="96">
        <v>2</v>
      </c>
      <c r="R10" s="96">
        <v>0</v>
      </c>
      <c r="S10" s="96">
        <v>0</v>
      </c>
      <c r="T10" s="96">
        <v>2</v>
      </c>
      <c r="U10" s="96">
        <v>2</v>
      </c>
      <c r="V10" s="96">
        <v>13142</v>
      </c>
      <c r="W10" s="96">
        <v>13135</v>
      </c>
      <c r="X10" s="96">
        <v>14</v>
      </c>
      <c r="Y10" s="95">
        <v>2</v>
      </c>
    </row>
    <row r="11" spans="1:25" s="137" customFormat="1" ht="14.1" customHeight="1" x14ac:dyDescent="0.15">
      <c r="A11" s="153">
        <v>6</v>
      </c>
      <c r="B11" s="104" t="s">
        <v>128</v>
      </c>
      <c r="C11" s="155" t="s">
        <v>127</v>
      </c>
      <c r="D11" s="96">
        <v>55140</v>
      </c>
      <c r="E11" s="96">
        <v>55218</v>
      </c>
      <c r="F11" s="96">
        <v>0</v>
      </c>
      <c r="G11" s="96">
        <v>0</v>
      </c>
      <c r="H11" s="96">
        <v>0</v>
      </c>
      <c r="I11" s="96">
        <v>0</v>
      </c>
      <c r="J11" s="96">
        <v>83750</v>
      </c>
      <c r="K11" s="96">
        <v>84326</v>
      </c>
      <c r="L11" s="96">
        <v>83750</v>
      </c>
      <c r="M11" s="96">
        <v>84326</v>
      </c>
      <c r="N11" s="96">
        <v>34892</v>
      </c>
      <c r="O11" s="96">
        <v>35157</v>
      </c>
      <c r="P11" s="96">
        <v>0</v>
      </c>
      <c r="Q11" s="96">
        <v>0</v>
      </c>
      <c r="R11" s="96">
        <v>0</v>
      </c>
      <c r="S11" s="96">
        <v>0</v>
      </c>
      <c r="T11" s="96">
        <v>0</v>
      </c>
      <c r="U11" s="96">
        <v>0</v>
      </c>
      <c r="V11" s="96">
        <v>28199</v>
      </c>
      <c r="W11" s="96">
        <v>28370</v>
      </c>
      <c r="X11" s="96">
        <v>28</v>
      </c>
      <c r="Y11" s="95">
        <v>2</v>
      </c>
    </row>
    <row r="12" spans="1:25" s="137" customFormat="1" ht="14.1" customHeight="1" x14ac:dyDescent="0.15">
      <c r="A12" s="153">
        <v>7</v>
      </c>
      <c r="B12" s="104" t="s">
        <v>126</v>
      </c>
      <c r="C12" s="155" t="s">
        <v>125</v>
      </c>
      <c r="D12" s="96">
        <v>26538</v>
      </c>
      <c r="E12" s="96">
        <v>26608</v>
      </c>
      <c r="F12" s="96">
        <v>0</v>
      </c>
      <c r="G12" s="96">
        <v>0</v>
      </c>
      <c r="H12" s="96">
        <v>0</v>
      </c>
      <c r="I12" s="96">
        <v>0</v>
      </c>
      <c r="J12" s="96">
        <v>40271</v>
      </c>
      <c r="K12" s="96">
        <v>40554</v>
      </c>
      <c r="L12" s="96">
        <v>40271</v>
      </c>
      <c r="M12" s="96">
        <v>40553</v>
      </c>
      <c r="N12" s="96">
        <v>18898</v>
      </c>
      <c r="O12" s="96">
        <v>18955</v>
      </c>
      <c r="P12" s="96">
        <v>0</v>
      </c>
      <c r="Q12" s="96">
        <v>1</v>
      </c>
      <c r="R12" s="96">
        <v>0</v>
      </c>
      <c r="S12" s="96">
        <v>0</v>
      </c>
      <c r="T12" s="96">
        <v>0</v>
      </c>
      <c r="U12" s="96">
        <v>1</v>
      </c>
      <c r="V12" s="96">
        <v>12902</v>
      </c>
      <c r="W12" s="96">
        <v>13003</v>
      </c>
      <c r="X12" s="96">
        <v>16</v>
      </c>
      <c r="Y12" s="95">
        <v>8</v>
      </c>
    </row>
    <row r="13" spans="1:25" s="137" customFormat="1" ht="14.1" customHeight="1" x14ac:dyDescent="0.15">
      <c r="A13" s="153">
        <v>8</v>
      </c>
      <c r="B13" s="104" t="s">
        <v>124</v>
      </c>
      <c r="C13" s="155" t="s">
        <v>123</v>
      </c>
      <c r="D13" s="96">
        <v>31805</v>
      </c>
      <c r="E13" s="96">
        <v>31943</v>
      </c>
      <c r="F13" s="96">
        <v>0</v>
      </c>
      <c r="G13" s="96">
        <v>0</v>
      </c>
      <c r="H13" s="96">
        <v>0</v>
      </c>
      <c r="I13" s="96">
        <v>0</v>
      </c>
      <c r="J13" s="96">
        <v>49020</v>
      </c>
      <c r="K13" s="96">
        <v>49546</v>
      </c>
      <c r="L13" s="96">
        <v>49020</v>
      </c>
      <c r="M13" s="96">
        <v>49546</v>
      </c>
      <c r="N13" s="96">
        <v>21674</v>
      </c>
      <c r="O13" s="96">
        <v>21839</v>
      </c>
      <c r="P13" s="96">
        <v>0</v>
      </c>
      <c r="Q13" s="96">
        <v>0</v>
      </c>
      <c r="R13" s="96">
        <v>0</v>
      </c>
      <c r="S13" s="96">
        <v>0</v>
      </c>
      <c r="T13" s="96">
        <v>0</v>
      </c>
      <c r="U13" s="96">
        <v>0</v>
      </c>
      <c r="V13" s="96">
        <v>16156</v>
      </c>
      <c r="W13" s="96">
        <v>16336</v>
      </c>
      <c r="X13" s="96">
        <v>25</v>
      </c>
      <c r="Y13" s="95">
        <v>1</v>
      </c>
    </row>
    <row r="14" spans="1:25" s="137" customFormat="1" ht="14.1" customHeight="1" x14ac:dyDescent="0.15">
      <c r="A14" s="153">
        <v>9</v>
      </c>
      <c r="B14" s="104" t="s">
        <v>122</v>
      </c>
      <c r="C14" s="155" t="s">
        <v>109</v>
      </c>
      <c r="D14" s="96">
        <v>8463</v>
      </c>
      <c r="E14" s="96">
        <v>8479</v>
      </c>
      <c r="F14" s="96">
        <v>0</v>
      </c>
      <c r="G14" s="96">
        <v>0</v>
      </c>
      <c r="H14" s="96">
        <v>0</v>
      </c>
      <c r="I14" s="96">
        <v>0</v>
      </c>
      <c r="J14" s="96">
        <v>12681</v>
      </c>
      <c r="K14" s="96">
        <v>12820</v>
      </c>
      <c r="L14" s="96">
        <v>12681</v>
      </c>
      <c r="M14" s="96">
        <v>12820</v>
      </c>
      <c r="N14" s="96">
        <v>5524</v>
      </c>
      <c r="O14" s="96">
        <v>5577</v>
      </c>
      <c r="P14" s="96">
        <v>0</v>
      </c>
      <c r="Q14" s="96">
        <v>0</v>
      </c>
      <c r="R14" s="96">
        <v>0</v>
      </c>
      <c r="S14" s="96">
        <v>0</v>
      </c>
      <c r="T14" s="96">
        <v>0</v>
      </c>
      <c r="U14" s="96">
        <v>0</v>
      </c>
      <c r="V14" s="96">
        <v>4433</v>
      </c>
      <c r="W14" s="96">
        <v>4467</v>
      </c>
      <c r="X14" s="96">
        <v>6</v>
      </c>
      <c r="Y14" s="95">
        <v>2</v>
      </c>
    </row>
    <row r="15" spans="1:25" s="137" customFormat="1" ht="14.1" customHeight="1" x14ac:dyDescent="0.15">
      <c r="A15" s="153">
        <v>10</v>
      </c>
      <c r="B15" s="104" t="s">
        <v>121</v>
      </c>
      <c r="C15" s="155" t="s">
        <v>105</v>
      </c>
      <c r="D15" s="96">
        <v>101029</v>
      </c>
      <c r="E15" s="96">
        <v>101924</v>
      </c>
      <c r="F15" s="96">
        <v>0</v>
      </c>
      <c r="G15" s="96">
        <v>1</v>
      </c>
      <c r="H15" s="96">
        <v>0</v>
      </c>
      <c r="I15" s="96">
        <v>0</v>
      </c>
      <c r="J15" s="96">
        <v>150895</v>
      </c>
      <c r="K15" s="96">
        <v>153235</v>
      </c>
      <c r="L15" s="96">
        <v>150895</v>
      </c>
      <c r="M15" s="96">
        <v>153234</v>
      </c>
      <c r="N15" s="96">
        <v>64768</v>
      </c>
      <c r="O15" s="96">
        <v>65203</v>
      </c>
      <c r="P15" s="96">
        <v>0</v>
      </c>
      <c r="Q15" s="96">
        <v>1</v>
      </c>
      <c r="R15" s="96">
        <v>0</v>
      </c>
      <c r="S15" s="96">
        <v>0</v>
      </c>
      <c r="T15" s="96">
        <v>0</v>
      </c>
      <c r="U15" s="96">
        <v>1</v>
      </c>
      <c r="V15" s="96">
        <v>48367</v>
      </c>
      <c r="W15" s="96">
        <v>49283</v>
      </c>
      <c r="X15" s="96">
        <v>58</v>
      </c>
      <c r="Y15" s="95">
        <v>3</v>
      </c>
    </row>
    <row r="16" spans="1:25" s="137" customFormat="1" ht="14.1" customHeight="1" x14ac:dyDescent="0.15">
      <c r="A16" s="153">
        <v>11</v>
      </c>
      <c r="B16" s="104" t="s">
        <v>120</v>
      </c>
      <c r="C16" s="155" t="s">
        <v>118</v>
      </c>
      <c r="D16" s="96">
        <v>7558</v>
      </c>
      <c r="E16" s="96">
        <v>7574</v>
      </c>
      <c r="F16" s="96">
        <v>0</v>
      </c>
      <c r="G16" s="96">
        <v>0</v>
      </c>
      <c r="H16" s="96">
        <v>0</v>
      </c>
      <c r="I16" s="96">
        <v>0</v>
      </c>
      <c r="J16" s="96">
        <v>12483</v>
      </c>
      <c r="K16" s="96">
        <v>12610</v>
      </c>
      <c r="L16" s="96">
        <v>12483</v>
      </c>
      <c r="M16" s="96">
        <v>12610</v>
      </c>
      <c r="N16" s="96">
        <v>5674</v>
      </c>
      <c r="O16" s="96">
        <v>5706</v>
      </c>
      <c r="P16" s="96">
        <v>0</v>
      </c>
      <c r="Q16" s="96">
        <v>0</v>
      </c>
      <c r="R16" s="96">
        <v>0</v>
      </c>
      <c r="S16" s="96">
        <v>0</v>
      </c>
      <c r="T16" s="96">
        <v>0</v>
      </c>
      <c r="U16" s="96">
        <v>0</v>
      </c>
      <c r="V16" s="96">
        <v>4027</v>
      </c>
      <c r="W16" s="96">
        <v>4107</v>
      </c>
      <c r="X16" s="96">
        <v>6</v>
      </c>
      <c r="Y16" s="95">
        <v>3</v>
      </c>
    </row>
    <row r="17" spans="1:25" s="137" customFormat="1" ht="14.1" customHeight="1" x14ac:dyDescent="0.15">
      <c r="A17" s="153">
        <v>12</v>
      </c>
      <c r="B17" s="104" t="s">
        <v>119</v>
      </c>
      <c r="C17" s="155" t="s">
        <v>118</v>
      </c>
      <c r="D17" s="96">
        <v>24264</v>
      </c>
      <c r="E17" s="96">
        <v>24386</v>
      </c>
      <c r="F17" s="96">
        <v>0</v>
      </c>
      <c r="G17" s="96">
        <v>0</v>
      </c>
      <c r="H17" s="96">
        <v>0</v>
      </c>
      <c r="I17" s="96">
        <v>0</v>
      </c>
      <c r="J17" s="96">
        <v>37302</v>
      </c>
      <c r="K17" s="96">
        <v>37627</v>
      </c>
      <c r="L17" s="96">
        <v>37302</v>
      </c>
      <c r="M17" s="96">
        <v>37627</v>
      </c>
      <c r="N17" s="96">
        <v>18457</v>
      </c>
      <c r="O17" s="96">
        <v>18522</v>
      </c>
      <c r="P17" s="96">
        <v>0</v>
      </c>
      <c r="Q17" s="96">
        <v>0</v>
      </c>
      <c r="R17" s="96">
        <v>0</v>
      </c>
      <c r="S17" s="96">
        <v>0</v>
      </c>
      <c r="T17" s="96">
        <v>0</v>
      </c>
      <c r="U17" s="96">
        <v>0</v>
      </c>
      <c r="V17" s="96">
        <v>10609</v>
      </c>
      <c r="W17" s="96">
        <v>10743</v>
      </c>
      <c r="X17" s="96">
        <v>13</v>
      </c>
      <c r="Y17" s="95">
        <v>1</v>
      </c>
    </row>
    <row r="18" spans="1:25" s="137" customFormat="1" ht="14.1" customHeight="1" x14ac:dyDescent="0.15">
      <c r="A18" s="153">
        <v>13</v>
      </c>
      <c r="B18" s="104" t="s">
        <v>117</v>
      </c>
      <c r="C18" s="155" t="s">
        <v>91</v>
      </c>
      <c r="D18" s="96">
        <v>31346</v>
      </c>
      <c r="E18" s="96">
        <v>31493</v>
      </c>
      <c r="F18" s="96">
        <v>0</v>
      </c>
      <c r="G18" s="96">
        <v>0</v>
      </c>
      <c r="H18" s="96">
        <v>0</v>
      </c>
      <c r="I18" s="96">
        <v>0</v>
      </c>
      <c r="J18" s="96">
        <v>48120</v>
      </c>
      <c r="K18" s="96">
        <v>48736</v>
      </c>
      <c r="L18" s="96">
        <v>48120</v>
      </c>
      <c r="M18" s="96">
        <v>48736</v>
      </c>
      <c r="N18" s="96">
        <v>21194</v>
      </c>
      <c r="O18" s="96">
        <v>21454</v>
      </c>
      <c r="P18" s="96">
        <v>0</v>
      </c>
      <c r="Q18" s="96">
        <v>0</v>
      </c>
      <c r="R18" s="96">
        <v>0</v>
      </c>
      <c r="S18" s="96">
        <v>0</v>
      </c>
      <c r="T18" s="96">
        <v>0</v>
      </c>
      <c r="U18" s="96">
        <v>0</v>
      </c>
      <c r="V18" s="96">
        <v>14704</v>
      </c>
      <c r="W18" s="96">
        <v>14883</v>
      </c>
      <c r="X18" s="96">
        <v>22</v>
      </c>
      <c r="Y18" s="95">
        <v>0</v>
      </c>
    </row>
    <row r="19" spans="1:25" s="137" customFormat="1" ht="14.1" customHeight="1" x14ac:dyDescent="0.15">
      <c r="A19" s="153">
        <v>14</v>
      </c>
      <c r="B19" s="104" t="s">
        <v>116</v>
      </c>
      <c r="C19" s="155" t="s">
        <v>115</v>
      </c>
      <c r="D19" s="96">
        <v>32986</v>
      </c>
      <c r="E19" s="96">
        <v>33137</v>
      </c>
      <c r="F19" s="96">
        <v>0</v>
      </c>
      <c r="G19" s="96">
        <v>0</v>
      </c>
      <c r="H19" s="96">
        <v>0</v>
      </c>
      <c r="I19" s="96">
        <v>0</v>
      </c>
      <c r="J19" s="96">
        <v>49133</v>
      </c>
      <c r="K19" s="96">
        <v>49643</v>
      </c>
      <c r="L19" s="96">
        <v>49133</v>
      </c>
      <c r="M19" s="96">
        <v>49643</v>
      </c>
      <c r="N19" s="96">
        <v>19382</v>
      </c>
      <c r="O19" s="96">
        <v>19533</v>
      </c>
      <c r="P19" s="96">
        <v>0</v>
      </c>
      <c r="Q19" s="96">
        <v>0</v>
      </c>
      <c r="R19" s="96">
        <v>0</v>
      </c>
      <c r="S19" s="96">
        <v>0</v>
      </c>
      <c r="T19" s="96">
        <v>0</v>
      </c>
      <c r="U19" s="96">
        <v>0</v>
      </c>
      <c r="V19" s="96">
        <v>16429</v>
      </c>
      <c r="W19" s="96">
        <v>16598</v>
      </c>
      <c r="X19" s="96">
        <v>18</v>
      </c>
      <c r="Y19" s="95">
        <v>8</v>
      </c>
    </row>
    <row r="20" spans="1:25" s="137" customFormat="1" ht="14.1" customHeight="1" x14ac:dyDescent="0.15">
      <c r="A20" s="153">
        <v>15</v>
      </c>
      <c r="B20" s="104" t="s">
        <v>114</v>
      </c>
      <c r="C20" s="155" t="s">
        <v>101</v>
      </c>
      <c r="D20" s="96">
        <v>12981</v>
      </c>
      <c r="E20" s="96">
        <v>13115</v>
      </c>
      <c r="F20" s="96">
        <v>0</v>
      </c>
      <c r="G20" s="96">
        <v>0</v>
      </c>
      <c r="H20" s="96">
        <v>0</v>
      </c>
      <c r="I20" s="96">
        <v>0</v>
      </c>
      <c r="J20" s="96">
        <v>19945</v>
      </c>
      <c r="K20" s="96">
        <v>20267</v>
      </c>
      <c r="L20" s="96">
        <v>19945</v>
      </c>
      <c r="M20" s="96">
        <v>20267</v>
      </c>
      <c r="N20" s="96">
        <v>9404</v>
      </c>
      <c r="O20" s="96">
        <v>9521</v>
      </c>
      <c r="P20" s="96">
        <v>0</v>
      </c>
      <c r="Q20" s="96">
        <v>0</v>
      </c>
      <c r="R20" s="96">
        <v>0</v>
      </c>
      <c r="S20" s="96">
        <v>0</v>
      </c>
      <c r="T20" s="96">
        <v>0</v>
      </c>
      <c r="U20" s="96">
        <v>0</v>
      </c>
      <c r="V20" s="96">
        <v>6132</v>
      </c>
      <c r="W20" s="96">
        <v>6235</v>
      </c>
      <c r="X20" s="96">
        <v>9</v>
      </c>
      <c r="Y20" s="95">
        <v>2</v>
      </c>
    </row>
    <row r="21" spans="1:25" s="137" customFormat="1" ht="14.1" customHeight="1" x14ac:dyDescent="0.15">
      <c r="A21" s="153">
        <v>16</v>
      </c>
      <c r="B21" s="104" t="s">
        <v>113</v>
      </c>
      <c r="C21" s="155" t="s">
        <v>112</v>
      </c>
      <c r="D21" s="96">
        <v>17555</v>
      </c>
      <c r="E21" s="96">
        <v>17571</v>
      </c>
      <c r="F21" s="96">
        <v>0</v>
      </c>
      <c r="G21" s="96">
        <v>0</v>
      </c>
      <c r="H21" s="96">
        <v>0</v>
      </c>
      <c r="I21" s="96">
        <v>0</v>
      </c>
      <c r="J21" s="96">
        <v>26992</v>
      </c>
      <c r="K21" s="96">
        <v>27159</v>
      </c>
      <c r="L21" s="96">
        <v>26992</v>
      </c>
      <c r="M21" s="96">
        <v>27159</v>
      </c>
      <c r="N21" s="96">
        <v>12194</v>
      </c>
      <c r="O21" s="96">
        <v>12280</v>
      </c>
      <c r="P21" s="96">
        <v>0</v>
      </c>
      <c r="Q21" s="96">
        <v>0</v>
      </c>
      <c r="R21" s="96">
        <v>0</v>
      </c>
      <c r="S21" s="96">
        <v>0</v>
      </c>
      <c r="T21" s="96">
        <v>0</v>
      </c>
      <c r="U21" s="96">
        <v>0</v>
      </c>
      <c r="V21" s="96">
        <v>8352</v>
      </c>
      <c r="W21" s="96">
        <v>8400</v>
      </c>
      <c r="X21" s="96">
        <v>7</v>
      </c>
      <c r="Y21" s="95">
        <v>12</v>
      </c>
    </row>
    <row r="22" spans="1:25" s="137" customFormat="1" ht="14.1" customHeight="1" x14ac:dyDescent="0.15">
      <c r="A22" s="153">
        <v>17</v>
      </c>
      <c r="B22" s="104" t="s">
        <v>111</v>
      </c>
      <c r="C22" s="155" t="s">
        <v>103</v>
      </c>
      <c r="D22" s="96">
        <v>18482</v>
      </c>
      <c r="E22" s="96">
        <v>18705</v>
      </c>
      <c r="F22" s="96">
        <v>0</v>
      </c>
      <c r="G22" s="96">
        <v>0</v>
      </c>
      <c r="H22" s="96">
        <v>0</v>
      </c>
      <c r="I22" s="96">
        <v>0</v>
      </c>
      <c r="J22" s="96">
        <v>27656</v>
      </c>
      <c r="K22" s="96">
        <v>28153</v>
      </c>
      <c r="L22" s="96">
        <v>27656</v>
      </c>
      <c r="M22" s="96">
        <v>28153</v>
      </c>
      <c r="N22" s="96">
        <v>11751</v>
      </c>
      <c r="O22" s="96">
        <v>11877</v>
      </c>
      <c r="P22" s="96">
        <v>0</v>
      </c>
      <c r="Q22" s="96">
        <v>0</v>
      </c>
      <c r="R22" s="96">
        <v>0</v>
      </c>
      <c r="S22" s="96">
        <v>0</v>
      </c>
      <c r="T22" s="96">
        <v>0</v>
      </c>
      <c r="U22" s="96">
        <v>0</v>
      </c>
      <c r="V22" s="96">
        <v>8998</v>
      </c>
      <c r="W22" s="96">
        <v>9148</v>
      </c>
      <c r="X22" s="96">
        <v>18</v>
      </c>
      <c r="Y22" s="95">
        <v>0</v>
      </c>
    </row>
    <row r="23" spans="1:25" s="137" customFormat="1" ht="14.1" customHeight="1" x14ac:dyDescent="0.15">
      <c r="A23" s="153">
        <v>18</v>
      </c>
      <c r="B23" s="104" t="s">
        <v>110</v>
      </c>
      <c r="C23" s="155" t="s">
        <v>109</v>
      </c>
      <c r="D23" s="96">
        <v>5542</v>
      </c>
      <c r="E23" s="96">
        <v>5641</v>
      </c>
      <c r="F23" s="96">
        <v>0</v>
      </c>
      <c r="G23" s="96">
        <v>0</v>
      </c>
      <c r="H23" s="96">
        <v>0</v>
      </c>
      <c r="I23" s="96">
        <v>0</v>
      </c>
      <c r="J23" s="96">
        <v>8521</v>
      </c>
      <c r="K23" s="96">
        <v>8724</v>
      </c>
      <c r="L23" s="96">
        <v>8521</v>
      </c>
      <c r="M23" s="96">
        <v>8723</v>
      </c>
      <c r="N23" s="96">
        <v>4286</v>
      </c>
      <c r="O23" s="96">
        <v>4311</v>
      </c>
      <c r="P23" s="96">
        <v>0</v>
      </c>
      <c r="Q23" s="96">
        <v>0</v>
      </c>
      <c r="R23" s="96">
        <v>0</v>
      </c>
      <c r="S23" s="96">
        <v>1</v>
      </c>
      <c r="T23" s="96">
        <v>0</v>
      </c>
      <c r="U23" s="96">
        <v>1</v>
      </c>
      <c r="V23" s="96">
        <v>2572</v>
      </c>
      <c r="W23" s="96">
        <v>2665</v>
      </c>
      <c r="X23" s="96">
        <v>4</v>
      </c>
      <c r="Y23" s="95">
        <v>2</v>
      </c>
    </row>
    <row r="24" spans="1:25" s="137" customFormat="1" ht="14.1" customHeight="1" x14ac:dyDescent="0.15">
      <c r="A24" s="153">
        <v>19</v>
      </c>
      <c r="B24" s="104" t="s">
        <v>108</v>
      </c>
      <c r="C24" s="155" t="s">
        <v>107</v>
      </c>
      <c r="D24" s="96">
        <v>4867</v>
      </c>
      <c r="E24" s="96">
        <v>4873</v>
      </c>
      <c r="F24" s="96">
        <v>0</v>
      </c>
      <c r="G24" s="96">
        <v>0</v>
      </c>
      <c r="H24" s="96">
        <v>0</v>
      </c>
      <c r="I24" s="96">
        <v>0</v>
      </c>
      <c r="J24" s="96">
        <v>7791</v>
      </c>
      <c r="K24" s="96">
        <v>7830</v>
      </c>
      <c r="L24" s="96">
        <v>7791</v>
      </c>
      <c r="M24" s="96">
        <v>7830</v>
      </c>
      <c r="N24" s="96">
        <v>3132</v>
      </c>
      <c r="O24" s="96">
        <v>3193</v>
      </c>
      <c r="P24" s="96">
        <v>0</v>
      </c>
      <c r="Q24" s="96">
        <v>0</v>
      </c>
      <c r="R24" s="96">
        <v>0</v>
      </c>
      <c r="S24" s="96">
        <v>0</v>
      </c>
      <c r="T24" s="96">
        <v>0</v>
      </c>
      <c r="U24" s="96">
        <v>0</v>
      </c>
      <c r="V24" s="96">
        <v>2824</v>
      </c>
      <c r="W24" s="96">
        <v>2813</v>
      </c>
      <c r="X24" s="96">
        <v>5</v>
      </c>
      <c r="Y24" s="95">
        <v>0</v>
      </c>
    </row>
    <row r="25" spans="1:25" s="137" customFormat="1" ht="14.1" customHeight="1" x14ac:dyDescent="0.15">
      <c r="A25" s="153">
        <v>20</v>
      </c>
      <c r="B25" s="106" t="s">
        <v>106</v>
      </c>
      <c r="C25" s="156" t="s">
        <v>105</v>
      </c>
      <c r="D25" s="96">
        <v>6658</v>
      </c>
      <c r="E25" s="96">
        <v>6670</v>
      </c>
      <c r="F25" s="96">
        <v>0</v>
      </c>
      <c r="G25" s="96">
        <v>0</v>
      </c>
      <c r="H25" s="96">
        <v>0</v>
      </c>
      <c r="I25" s="96">
        <v>0</v>
      </c>
      <c r="J25" s="96">
        <v>10512</v>
      </c>
      <c r="K25" s="96">
        <v>10630</v>
      </c>
      <c r="L25" s="96">
        <v>10512</v>
      </c>
      <c r="M25" s="96">
        <v>10630</v>
      </c>
      <c r="N25" s="96">
        <v>4893</v>
      </c>
      <c r="O25" s="96">
        <v>4920</v>
      </c>
      <c r="P25" s="96">
        <v>0</v>
      </c>
      <c r="Q25" s="96">
        <v>0</v>
      </c>
      <c r="R25" s="96">
        <v>0</v>
      </c>
      <c r="S25" s="96">
        <v>0</v>
      </c>
      <c r="T25" s="96">
        <v>0</v>
      </c>
      <c r="U25" s="96">
        <v>0</v>
      </c>
      <c r="V25" s="96">
        <v>3140</v>
      </c>
      <c r="W25" s="96">
        <v>3183</v>
      </c>
      <c r="X25" s="96">
        <v>9</v>
      </c>
      <c r="Y25" s="95">
        <v>3</v>
      </c>
    </row>
    <row r="26" spans="1:25" s="137" customFormat="1" ht="14.1" customHeight="1" x14ac:dyDescent="0.15">
      <c r="A26" s="157">
        <v>21</v>
      </c>
      <c r="B26" s="105" t="s">
        <v>104</v>
      </c>
      <c r="C26" s="158" t="s">
        <v>103</v>
      </c>
      <c r="D26" s="96">
        <v>12145</v>
      </c>
      <c r="E26" s="96">
        <v>12195</v>
      </c>
      <c r="F26" s="96">
        <v>0</v>
      </c>
      <c r="G26" s="96">
        <v>0</v>
      </c>
      <c r="H26" s="96">
        <v>0</v>
      </c>
      <c r="I26" s="96">
        <v>0</v>
      </c>
      <c r="J26" s="96">
        <v>19161</v>
      </c>
      <c r="K26" s="96">
        <v>19330</v>
      </c>
      <c r="L26" s="96">
        <v>19161</v>
      </c>
      <c r="M26" s="96">
        <v>19330</v>
      </c>
      <c r="N26" s="96">
        <v>8079</v>
      </c>
      <c r="O26" s="96">
        <v>8218</v>
      </c>
      <c r="P26" s="96">
        <v>0</v>
      </c>
      <c r="Q26" s="96">
        <v>0</v>
      </c>
      <c r="R26" s="96">
        <v>0</v>
      </c>
      <c r="S26" s="96">
        <v>0</v>
      </c>
      <c r="T26" s="96">
        <v>0</v>
      </c>
      <c r="U26" s="96">
        <v>0</v>
      </c>
      <c r="V26" s="96">
        <v>5734</v>
      </c>
      <c r="W26" s="96">
        <v>5787</v>
      </c>
      <c r="X26" s="96">
        <v>9</v>
      </c>
      <c r="Y26" s="95">
        <v>2</v>
      </c>
    </row>
    <row r="27" spans="1:25" s="137" customFormat="1" ht="14.1" customHeight="1" x14ac:dyDescent="0.15">
      <c r="A27" s="157">
        <v>22</v>
      </c>
      <c r="B27" s="104" t="s">
        <v>102</v>
      </c>
      <c r="C27" s="155" t="s">
        <v>101</v>
      </c>
      <c r="D27" s="96">
        <v>4879</v>
      </c>
      <c r="E27" s="96">
        <v>4941</v>
      </c>
      <c r="F27" s="96">
        <v>0</v>
      </c>
      <c r="G27" s="96">
        <v>0</v>
      </c>
      <c r="H27" s="96">
        <v>0</v>
      </c>
      <c r="I27" s="96">
        <v>0</v>
      </c>
      <c r="J27" s="96">
        <v>7495</v>
      </c>
      <c r="K27" s="96">
        <v>7624</v>
      </c>
      <c r="L27" s="96">
        <v>7495</v>
      </c>
      <c r="M27" s="96">
        <v>7624</v>
      </c>
      <c r="N27" s="96">
        <v>3828</v>
      </c>
      <c r="O27" s="96">
        <v>3885</v>
      </c>
      <c r="P27" s="96">
        <v>0</v>
      </c>
      <c r="Q27" s="96">
        <v>0</v>
      </c>
      <c r="R27" s="96">
        <v>0</v>
      </c>
      <c r="S27" s="96">
        <v>0</v>
      </c>
      <c r="T27" s="96">
        <v>0</v>
      </c>
      <c r="U27" s="96">
        <v>0</v>
      </c>
      <c r="V27" s="96">
        <v>2303</v>
      </c>
      <c r="W27" s="96">
        <v>2351</v>
      </c>
      <c r="X27" s="96">
        <v>4</v>
      </c>
      <c r="Y27" s="95">
        <v>4</v>
      </c>
    </row>
    <row r="28" spans="1:25" s="137" customFormat="1" ht="14.1" customHeight="1" x14ac:dyDescent="0.15">
      <c r="A28" s="153">
        <v>23</v>
      </c>
      <c r="B28" s="104" t="s">
        <v>100</v>
      </c>
      <c r="C28" s="155" t="s">
        <v>99</v>
      </c>
      <c r="D28" s="96">
        <v>4123</v>
      </c>
      <c r="E28" s="96">
        <v>4162</v>
      </c>
      <c r="F28" s="96">
        <v>0</v>
      </c>
      <c r="G28" s="96">
        <v>0</v>
      </c>
      <c r="H28" s="96">
        <v>0</v>
      </c>
      <c r="I28" s="96">
        <v>0</v>
      </c>
      <c r="J28" s="96">
        <v>6283</v>
      </c>
      <c r="K28" s="96">
        <v>6397</v>
      </c>
      <c r="L28" s="96">
        <v>6283</v>
      </c>
      <c r="M28" s="96">
        <v>6397</v>
      </c>
      <c r="N28" s="96">
        <v>3160</v>
      </c>
      <c r="O28" s="96">
        <v>3206</v>
      </c>
      <c r="P28" s="96">
        <v>0</v>
      </c>
      <c r="Q28" s="96">
        <v>0</v>
      </c>
      <c r="R28" s="96">
        <v>0</v>
      </c>
      <c r="S28" s="96">
        <v>0</v>
      </c>
      <c r="T28" s="96">
        <v>0</v>
      </c>
      <c r="U28" s="96">
        <v>0</v>
      </c>
      <c r="V28" s="96">
        <v>1973</v>
      </c>
      <c r="W28" s="96">
        <v>2000</v>
      </c>
      <c r="X28" s="96">
        <v>3</v>
      </c>
      <c r="Y28" s="95">
        <v>3</v>
      </c>
    </row>
    <row r="29" spans="1:25" s="137" customFormat="1" ht="14.1" customHeight="1" x14ac:dyDescent="0.15">
      <c r="A29" s="153">
        <v>24</v>
      </c>
      <c r="B29" s="104" t="s">
        <v>98</v>
      </c>
      <c r="C29" s="155" t="s">
        <v>97</v>
      </c>
      <c r="D29" s="96">
        <v>1451</v>
      </c>
      <c r="E29" s="96">
        <v>1459</v>
      </c>
      <c r="F29" s="96">
        <v>0</v>
      </c>
      <c r="G29" s="96">
        <v>0</v>
      </c>
      <c r="H29" s="96">
        <v>0</v>
      </c>
      <c r="I29" s="96">
        <v>0</v>
      </c>
      <c r="J29" s="96">
        <v>2397</v>
      </c>
      <c r="K29" s="96">
        <v>2418</v>
      </c>
      <c r="L29" s="96">
        <v>2397</v>
      </c>
      <c r="M29" s="96">
        <v>2418</v>
      </c>
      <c r="N29" s="96">
        <v>1289</v>
      </c>
      <c r="O29" s="96">
        <v>1290</v>
      </c>
      <c r="P29" s="96">
        <v>0</v>
      </c>
      <c r="Q29" s="96">
        <v>0</v>
      </c>
      <c r="R29" s="96">
        <v>0</v>
      </c>
      <c r="S29" s="96">
        <v>0</v>
      </c>
      <c r="T29" s="96">
        <v>0</v>
      </c>
      <c r="U29" s="96">
        <v>0</v>
      </c>
      <c r="V29" s="96">
        <v>661</v>
      </c>
      <c r="W29" s="96">
        <v>678</v>
      </c>
      <c r="X29" s="96">
        <v>0</v>
      </c>
      <c r="Y29" s="95">
        <v>1</v>
      </c>
    </row>
    <row r="30" spans="1:25" s="137" customFormat="1" ht="14.1" customHeight="1" x14ac:dyDescent="0.15">
      <c r="A30" s="153">
        <v>25</v>
      </c>
      <c r="B30" s="104" t="s">
        <v>96</v>
      </c>
      <c r="C30" s="155" t="s">
        <v>94</v>
      </c>
      <c r="D30" s="96">
        <v>2358</v>
      </c>
      <c r="E30" s="96">
        <v>2341</v>
      </c>
      <c r="F30" s="96">
        <v>0</v>
      </c>
      <c r="G30" s="96">
        <v>0</v>
      </c>
      <c r="H30" s="96">
        <v>0</v>
      </c>
      <c r="I30" s="96">
        <v>0</v>
      </c>
      <c r="J30" s="96">
        <v>3802</v>
      </c>
      <c r="K30" s="96">
        <v>3773</v>
      </c>
      <c r="L30" s="96">
        <v>3802</v>
      </c>
      <c r="M30" s="96">
        <v>3773</v>
      </c>
      <c r="N30" s="96">
        <v>1733</v>
      </c>
      <c r="O30" s="96">
        <v>1766</v>
      </c>
      <c r="P30" s="96">
        <v>0</v>
      </c>
      <c r="Q30" s="96">
        <v>0</v>
      </c>
      <c r="R30" s="96">
        <v>0</v>
      </c>
      <c r="S30" s="96">
        <v>0</v>
      </c>
      <c r="T30" s="96">
        <v>0</v>
      </c>
      <c r="U30" s="96">
        <v>0</v>
      </c>
      <c r="V30" s="96">
        <v>1139</v>
      </c>
      <c r="W30" s="96">
        <v>1135</v>
      </c>
      <c r="X30" s="96">
        <v>3</v>
      </c>
      <c r="Y30" s="95">
        <v>0</v>
      </c>
    </row>
    <row r="31" spans="1:25" s="137" customFormat="1" ht="14.1" customHeight="1" x14ac:dyDescent="0.15">
      <c r="A31" s="153">
        <v>26</v>
      </c>
      <c r="B31" s="104" t="s">
        <v>95</v>
      </c>
      <c r="C31" s="155" t="s">
        <v>94</v>
      </c>
      <c r="D31" s="96">
        <v>1599</v>
      </c>
      <c r="E31" s="96">
        <v>1616</v>
      </c>
      <c r="F31" s="96">
        <v>0</v>
      </c>
      <c r="G31" s="96">
        <v>0</v>
      </c>
      <c r="H31" s="96">
        <v>0</v>
      </c>
      <c r="I31" s="96">
        <v>0</v>
      </c>
      <c r="J31" s="96">
        <v>2450</v>
      </c>
      <c r="K31" s="96">
        <v>2488</v>
      </c>
      <c r="L31" s="96">
        <v>2450</v>
      </c>
      <c r="M31" s="96">
        <v>2488</v>
      </c>
      <c r="N31" s="96">
        <v>1282</v>
      </c>
      <c r="O31" s="96">
        <v>1277</v>
      </c>
      <c r="P31" s="96">
        <v>0</v>
      </c>
      <c r="Q31" s="96">
        <v>0</v>
      </c>
      <c r="R31" s="96">
        <v>0</v>
      </c>
      <c r="S31" s="96">
        <v>0</v>
      </c>
      <c r="T31" s="96">
        <v>0</v>
      </c>
      <c r="U31" s="96">
        <v>0</v>
      </c>
      <c r="V31" s="96">
        <v>759</v>
      </c>
      <c r="W31" s="96">
        <v>780</v>
      </c>
      <c r="X31" s="96">
        <v>2</v>
      </c>
      <c r="Y31" s="95">
        <v>1</v>
      </c>
    </row>
    <row r="32" spans="1:25" s="137" customFormat="1" ht="14.1" customHeight="1" x14ac:dyDescent="0.15">
      <c r="A32" s="153">
        <v>27</v>
      </c>
      <c r="B32" s="104" t="s">
        <v>93</v>
      </c>
      <c r="C32" s="155" t="s">
        <v>91</v>
      </c>
      <c r="D32" s="96">
        <v>1683</v>
      </c>
      <c r="E32" s="96">
        <v>1706</v>
      </c>
      <c r="F32" s="96">
        <v>0</v>
      </c>
      <c r="G32" s="96">
        <v>0</v>
      </c>
      <c r="H32" s="96">
        <v>0</v>
      </c>
      <c r="I32" s="96">
        <v>0</v>
      </c>
      <c r="J32" s="96">
        <v>2549</v>
      </c>
      <c r="K32" s="96">
        <v>2584</v>
      </c>
      <c r="L32" s="96">
        <v>2549</v>
      </c>
      <c r="M32" s="96">
        <v>2584</v>
      </c>
      <c r="N32" s="96">
        <v>1511</v>
      </c>
      <c r="O32" s="96">
        <v>1503</v>
      </c>
      <c r="P32" s="96">
        <v>0</v>
      </c>
      <c r="Q32" s="96">
        <v>0</v>
      </c>
      <c r="R32" s="96">
        <v>0</v>
      </c>
      <c r="S32" s="96">
        <v>0</v>
      </c>
      <c r="T32" s="96">
        <v>0</v>
      </c>
      <c r="U32" s="96">
        <v>0</v>
      </c>
      <c r="V32" s="96">
        <v>665</v>
      </c>
      <c r="W32" s="96">
        <v>708</v>
      </c>
      <c r="X32" s="96">
        <v>0</v>
      </c>
      <c r="Y32" s="95">
        <v>4</v>
      </c>
    </row>
    <row r="33" spans="1:25" s="137" customFormat="1" ht="14.1" customHeight="1" x14ac:dyDescent="0.15">
      <c r="A33" s="153">
        <v>28</v>
      </c>
      <c r="B33" s="104" t="s">
        <v>92</v>
      </c>
      <c r="C33" s="155" t="s">
        <v>91</v>
      </c>
      <c r="D33" s="96">
        <v>1986</v>
      </c>
      <c r="E33" s="96">
        <v>1996</v>
      </c>
      <c r="F33" s="96">
        <v>0</v>
      </c>
      <c r="G33" s="96">
        <v>0</v>
      </c>
      <c r="H33" s="96">
        <v>0</v>
      </c>
      <c r="I33" s="96">
        <v>0</v>
      </c>
      <c r="J33" s="96">
        <v>3130</v>
      </c>
      <c r="K33" s="96">
        <v>3179</v>
      </c>
      <c r="L33" s="96">
        <v>3130</v>
      </c>
      <c r="M33" s="96">
        <v>3179</v>
      </c>
      <c r="N33" s="96">
        <v>1494</v>
      </c>
      <c r="O33" s="96">
        <v>1519</v>
      </c>
      <c r="P33" s="96">
        <v>0</v>
      </c>
      <c r="Q33" s="96">
        <v>0</v>
      </c>
      <c r="R33" s="96">
        <v>0</v>
      </c>
      <c r="S33" s="96">
        <v>0</v>
      </c>
      <c r="T33" s="96">
        <v>0</v>
      </c>
      <c r="U33" s="96">
        <v>0</v>
      </c>
      <c r="V33" s="96">
        <v>931</v>
      </c>
      <c r="W33" s="96">
        <v>945</v>
      </c>
      <c r="X33" s="96">
        <v>1</v>
      </c>
      <c r="Y33" s="95">
        <v>1</v>
      </c>
    </row>
    <row r="34" spans="1:25" s="137" customFormat="1" ht="14.1" customHeight="1" x14ac:dyDescent="0.15">
      <c r="A34" s="153">
        <v>29</v>
      </c>
      <c r="B34" s="104" t="s">
        <v>90</v>
      </c>
      <c r="C34" s="155" t="s">
        <v>88</v>
      </c>
      <c r="D34" s="96">
        <v>1925</v>
      </c>
      <c r="E34" s="96">
        <v>1960</v>
      </c>
      <c r="F34" s="96">
        <v>0</v>
      </c>
      <c r="G34" s="96">
        <v>0</v>
      </c>
      <c r="H34" s="96">
        <v>0</v>
      </c>
      <c r="I34" s="96">
        <v>0</v>
      </c>
      <c r="J34" s="96">
        <v>2666</v>
      </c>
      <c r="K34" s="96">
        <v>2729</v>
      </c>
      <c r="L34" s="96">
        <v>2666</v>
      </c>
      <c r="M34" s="96">
        <v>2729</v>
      </c>
      <c r="N34" s="96">
        <v>1244</v>
      </c>
      <c r="O34" s="96">
        <v>1274</v>
      </c>
      <c r="P34" s="96">
        <v>0</v>
      </c>
      <c r="Q34" s="96">
        <v>0</v>
      </c>
      <c r="R34" s="96">
        <v>0</v>
      </c>
      <c r="S34" s="96">
        <v>0</v>
      </c>
      <c r="T34" s="96">
        <v>0</v>
      </c>
      <c r="U34" s="96">
        <v>0</v>
      </c>
      <c r="V34" s="96">
        <v>866</v>
      </c>
      <c r="W34" s="96">
        <v>891</v>
      </c>
      <c r="X34" s="96">
        <v>8</v>
      </c>
      <c r="Y34" s="95">
        <v>2</v>
      </c>
    </row>
    <row r="35" spans="1:25" s="137" customFormat="1" ht="14.1" customHeight="1" x14ac:dyDescent="0.15">
      <c r="A35" s="153">
        <v>30</v>
      </c>
      <c r="B35" s="104" t="s">
        <v>89</v>
      </c>
      <c r="C35" s="155" t="s">
        <v>88</v>
      </c>
      <c r="D35" s="96">
        <v>1369</v>
      </c>
      <c r="E35" s="96">
        <v>1368</v>
      </c>
      <c r="F35" s="96">
        <v>0</v>
      </c>
      <c r="G35" s="96">
        <v>0</v>
      </c>
      <c r="H35" s="96">
        <v>0</v>
      </c>
      <c r="I35" s="96">
        <v>0</v>
      </c>
      <c r="J35" s="96">
        <v>2119</v>
      </c>
      <c r="K35" s="96">
        <v>2135</v>
      </c>
      <c r="L35" s="96">
        <v>2119</v>
      </c>
      <c r="M35" s="96">
        <v>2135</v>
      </c>
      <c r="N35" s="96">
        <v>1037</v>
      </c>
      <c r="O35" s="96">
        <v>1038</v>
      </c>
      <c r="P35" s="96">
        <v>0</v>
      </c>
      <c r="Q35" s="96">
        <v>0</v>
      </c>
      <c r="R35" s="96">
        <v>0</v>
      </c>
      <c r="S35" s="96">
        <v>0</v>
      </c>
      <c r="T35" s="96">
        <v>0</v>
      </c>
      <c r="U35" s="96">
        <v>0</v>
      </c>
      <c r="V35" s="96">
        <v>704</v>
      </c>
      <c r="W35" s="96">
        <v>711</v>
      </c>
      <c r="X35" s="96">
        <v>2</v>
      </c>
      <c r="Y35" s="95">
        <v>2</v>
      </c>
    </row>
    <row r="36" spans="1:25" s="137" customFormat="1" ht="14.1" customHeight="1" x14ac:dyDescent="0.15">
      <c r="A36" s="153">
        <v>31</v>
      </c>
      <c r="B36" s="104" t="s">
        <v>87</v>
      </c>
      <c r="C36" s="155" t="s">
        <v>86</v>
      </c>
      <c r="D36" s="96">
        <v>4413</v>
      </c>
      <c r="E36" s="96">
        <v>4470</v>
      </c>
      <c r="F36" s="96">
        <v>0</v>
      </c>
      <c r="G36" s="96">
        <v>0</v>
      </c>
      <c r="H36" s="96">
        <v>0</v>
      </c>
      <c r="I36" s="96">
        <v>0</v>
      </c>
      <c r="J36" s="96">
        <v>6490</v>
      </c>
      <c r="K36" s="96">
        <v>6652</v>
      </c>
      <c r="L36" s="96">
        <v>6490</v>
      </c>
      <c r="M36" s="96">
        <v>6652</v>
      </c>
      <c r="N36" s="96">
        <v>3181</v>
      </c>
      <c r="O36" s="96">
        <v>3220</v>
      </c>
      <c r="P36" s="96">
        <v>0</v>
      </c>
      <c r="Q36" s="96">
        <v>0</v>
      </c>
      <c r="R36" s="96">
        <v>0</v>
      </c>
      <c r="S36" s="96">
        <v>0</v>
      </c>
      <c r="T36" s="96">
        <v>0</v>
      </c>
      <c r="U36" s="96">
        <v>0</v>
      </c>
      <c r="V36" s="96">
        <v>2137</v>
      </c>
      <c r="W36" s="96">
        <v>2196</v>
      </c>
      <c r="X36" s="96">
        <v>1</v>
      </c>
      <c r="Y36" s="95">
        <v>3</v>
      </c>
    </row>
    <row r="37" spans="1:25" s="137" customFormat="1" ht="14.1" customHeight="1" x14ac:dyDescent="0.15">
      <c r="A37" s="153">
        <v>32</v>
      </c>
      <c r="B37" s="104" t="s">
        <v>85</v>
      </c>
      <c r="C37" s="155" t="s">
        <v>84</v>
      </c>
      <c r="D37" s="96">
        <v>6517</v>
      </c>
      <c r="E37" s="96">
        <v>6545</v>
      </c>
      <c r="F37" s="96">
        <v>0</v>
      </c>
      <c r="G37" s="96">
        <v>0</v>
      </c>
      <c r="H37" s="96">
        <v>0</v>
      </c>
      <c r="I37" s="96">
        <v>0</v>
      </c>
      <c r="J37" s="96">
        <v>10354</v>
      </c>
      <c r="K37" s="96">
        <v>10517</v>
      </c>
      <c r="L37" s="96">
        <v>10354</v>
      </c>
      <c r="M37" s="96">
        <v>10517</v>
      </c>
      <c r="N37" s="96">
        <v>4713</v>
      </c>
      <c r="O37" s="96">
        <v>4720</v>
      </c>
      <c r="P37" s="96">
        <v>0</v>
      </c>
      <c r="Q37" s="96">
        <v>0</v>
      </c>
      <c r="R37" s="96">
        <v>0</v>
      </c>
      <c r="S37" s="96">
        <v>0</v>
      </c>
      <c r="T37" s="96">
        <v>0</v>
      </c>
      <c r="U37" s="96">
        <v>0</v>
      </c>
      <c r="V37" s="96">
        <v>3108</v>
      </c>
      <c r="W37" s="96">
        <v>3186</v>
      </c>
      <c r="X37" s="96">
        <v>6</v>
      </c>
      <c r="Y37" s="95">
        <v>0</v>
      </c>
    </row>
    <row r="38" spans="1:25" s="137" customFormat="1" ht="14.1" customHeight="1" thickBot="1" x14ac:dyDescent="0.2">
      <c r="A38" s="159">
        <v>33</v>
      </c>
      <c r="B38" s="103" t="s">
        <v>83</v>
      </c>
      <c r="C38" s="160" t="s">
        <v>82</v>
      </c>
      <c r="D38" s="93">
        <v>501</v>
      </c>
      <c r="E38" s="93">
        <v>501</v>
      </c>
      <c r="F38" s="93">
        <v>0</v>
      </c>
      <c r="G38" s="93">
        <v>0</v>
      </c>
      <c r="H38" s="93">
        <v>0</v>
      </c>
      <c r="I38" s="93">
        <v>0</v>
      </c>
      <c r="J38" s="93">
        <v>789</v>
      </c>
      <c r="K38" s="93">
        <v>778</v>
      </c>
      <c r="L38" s="93">
        <v>789</v>
      </c>
      <c r="M38" s="93">
        <v>778</v>
      </c>
      <c r="N38" s="93">
        <v>433</v>
      </c>
      <c r="O38" s="93">
        <v>429</v>
      </c>
      <c r="P38" s="93">
        <v>0</v>
      </c>
      <c r="Q38" s="93">
        <v>0</v>
      </c>
      <c r="R38" s="93">
        <v>0</v>
      </c>
      <c r="S38" s="93">
        <v>0</v>
      </c>
      <c r="T38" s="93">
        <v>0</v>
      </c>
      <c r="U38" s="93">
        <v>0</v>
      </c>
      <c r="V38" s="93">
        <v>230</v>
      </c>
      <c r="W38" s="93">
        <v>229</v>
      </c>
      <c r="X38" s="93">
        <v>0</v>
      </c>
      <c r="Y38" s="92">
        <v>1</v>
      </c>
    </row>
    <row r="39" spans="1:25" s="137" customFormat="1" ht="14.1" customHeight="1" thickTop="1" thickBot="1" x14ac:dyDescent="0.2">
      <c r="A39" s="236" t="s">
        <v>81</v>
      </c>
      <c r="B39" s="237"/>
      <c r="C39" s="160" t="s">
        <v>67</v>
      </c>
      <c r="D39" s="102">
        <v>1192033</v>
      </c>
      <c r="E39" s="102">
        <v>1200360</v>
      </c>
      <c r="F39" s="102">
        <v>2</v>
      </c>
      <c r="G39" s="102">
        <v>3</v>
      </c>
      <c r="H39" s="102">
        <v>1</v>
      </c>
      <c r="I39" s="102">
        <v>2</v>
      </c>
      <c r="J39" s="102">
        <v>1764592</v>
      </c>
      <c r="K39" s="102">
        <v>1786723</v>
      </c>
      <c r="L39" s="102">
        <v>1764589</v>
      </c>
      <c r="M39" s="102">
        <v>1786715</v>
      </c>
      <c r="N39" s="102">
        <v>753826</v>
      </c>
      <c r="O39" s="102">
        <v>759257</v>
      </c>
      <c r="P39" s="102">
        <v>3</v>
      </c>
      <c r="Q39" s="102">
        <v>7</v>
      </c>
      <c r="R39" s="102">
        <v>0</v>
      </c>
      <c r="S39" s="102">
        <v>1</v>
      </c>
      <c r="T39" s="102">
        <v>3</v>
      </c>
      <c r="U39" s="102">
        <v>8</v>
      </c>
      <c r="V39" s="102">
        <v>575819</v>
      </c>
      <c r="W39" s="102">
        <v>583690</v>
      </c>
      <c r="X39" s="102">
        <v>516</v>
      </c>
      <c r="Y39" s="101">
        <v>529</v>
      </c>
    </row>
    <row r="40" spans="1:25" s="137" customFormat="1" ht="14.1" customHeight="1" thickTop="1" x14ac:dyDescent="0.15">
      <c r="A40" s="153">
        <v>301</v>
      </c>
      <c r="B40" s="161" t="s">
        <v>80</v>
      </c>
      <c r="C40" s="155" t="s">
        <v>78</v>
      </c>
      <c r="D40" s="99">
        <v>7287</v>
      </c>
      <c r="E40" s="99">
        <v>7378</v>
      </c>
      <c r="F40" s="100">
        <v>0</v>
      </c>
      <c r="G40" s="100">
        <v>0</v>
      </c>
      <c r="H40" s="100">
        <v>0</v>
      </c>
      <c r="I40" s="100">
        <v>0</v>
      </c>
      <c r="J40" s="99">
        <v>12612</v>
      </c>
      <c r="K40" s="99">
        <v>12739</v>
      </c>
      <c r="L40" s="99">
        <v>12612</v>
      </c>
      <c r="M40" s="99">
        <v>12739</v>
      </c>
      <c r="N40" s="99">
        <v>1766</v>
      </c>
      <c r="O40" s="99">
        <v>1711</v>
      </c>
      <c r="P40" s="100">
        <v>0</v>
      </c>
      <c r="Q40" s="100">
        <v>0</v>
      </c>
      <c r="R40" s="100">
        <v>0</v>
      </c>
      <c r="S40" s="100">
        <v>0</v>
      </c>
      <c r="T40" s="100">
        <v>0</v>
      </c>
      <c r="U40" s="100">
        <v>0</v>
      </c>
      <c r="V40" s="99">
        <v>6714</v>
      </c>
      <c r="W40" s="99">
        <v>6799</v>
      </c>
      <c r="X40" s="99">
        <v>8</v>
      </c>
      <c r="Y40" s="98">
        <v>0</v>
      </c>
    </row>
    <row r="41" spans="1:25" s="137" customFormat="1" ht="14.1" customHeight="1" x14ac:dyDescent="0.15">
      <c r="A41" s="153">
        <v>302</v>
      </c>
      <c r="B41" s="162" t="s">
        <v>79</v>
      </c>
      <c r="C41" s="155" t="s">
        <v>78</v>
      </c>
      <c r="D41" s="96">
        <v>10609</v>
      </c>
      <c r="E41" s="96">
        <v>10681</v>
      </c>
      <c r="F41" s="97">
        <v>0</v>
      </c>
      <c r="G41" s="97">
        <v>0</v>
      </c>
      <c r="H41" s="97">
        <v>0</v>
      </c>
      <c r="I41" s="97">
        <v>0</v>
      </c>
      <c r="J41" s="96">
        <v>16394</v>
      </c>
      <c r="K41" s="96">
        <v>16492</v>
      </c>
      <c r="L41" s="96">
        <v>16394</v>
      </c>
      <c r="M41" s="96">
        <v>16492</v>
      </c>
      <c r="N41" s="96">
        <v>1565</v>
      </c>
      <c r="O41" s="96">
        <v>1534</v>
      </c>
      <c r="P41" s="97">
        <v>0</v>
      </c>
      <c r="Q41" s="97">
        <v>0</v>
      </c>
      <c r="R41" s="97">
        <v>0</v>
      </c>
      <c r="S41" s="97">
        <v>0</v>
      </c>
      <c r="T41" s="97">
        <v>0</v>
      </c>
      <c r="U41" s="97">
        <v>0</v>
      </c>
      <c r="V41" s="96">
        <v>6687</v>
      </c>
      <c r="W41" s="96">
        <v>6698</v>
      </c>
      <c r="X41" s="96">
        <v>9</v>
      </c>
      <c r="Y41" s="95">
        <v>0</v>
      </c>
    </row>
    <row r="42" spans="1:25" s="137" customFormat="1" ht="14.1" customHeight="1" x14ac:dyDescent="0.15">
      <c r="A42" s="153">
        <v>303</v>
      </c>
      <c r="B42" s="162" t="s">
        <v>77</v>
      </c>
      <c r="C42" s="155" t="s">
        <v>76</v>
      </c>
      <c r="D42" s="96">
        <v>7685</v>
      </c>
      <c r="E42" s="96">
        <v>7843</v>
      </c>
      <c r="F42" s="97">
        <v>0</v>
      </c>
      <c r="G42" s="97">
        <v>0</v>
      </c>
      <c r="H42" s="97">
        <v>0</v>
      </c>
      <c r="I42" s="97">
        <v>0</v>
      </c>
      <c r="J42" s="96">
        <v>13057</v>
      </c>
      <c r="K42" s="96">
        <v>13328</v>
      </c>
      <c r="L42" s="96">
        <v>13057</v>
      </c>
      <c r="M42" s="96">
        <v>13328</v>
      </c>
      <c r="N42" s="96">
        <v>2322</v>
      </c>
      <c r="O42" s="96">
        <v>2378</v>
      </c>
      <c r="P42" s="97">
        <v>0</v>
      </c>
      <c r="Q42" s="97">
        <v>0</v>
      </c>
      <c r="R42" s="97">
        <v>0</v>
      </c>
      <c r="S42" s="97">
        <v>0</v>
      </c>
      <c r="T42" s="97">
        <v>0</v>
      </c>
      <c r="U42" s="97">
        <v>0</v>
      </c>
      <c r="V42" s="96">
        <v>6391</v>
      </c>
      <c r="W42" s="96">
        <v>6487</v>
      </c>
      <c r="X42" s="96">
        <v>11</v>
      </c>
      <c r="Y42" s="95">
        <v>0</v>
      </c>
    </row>
    <row r="43" spans="1:25" s="137" customFormat="1" ht="14.1" customHeight="1" x14ac:dyDescent="0.15">
      <c r="A43" s="153">
        <v>304</v>
      </c>
      <c r="B43" s="162" t="s">
        <v>75</v>
      </c>
      <c r="C43" s="155" t="s">
        <v>74</v>
      </c>
      <c r="D43" s="96">
        <v>2548</v>
      </c>
      <c r="E43" s="96">
        <v>2604</v>
      </c>
      <c r="F43" s="97">
        <v>0</v>
      </c>
      <c r="G43" s="97">
        <v>0</v>
      </c>
      <c r="H43" s="97">
        <v>0</v>
      </c>
      <c r="I43" s="97">
        <v>0</v>
      </c>
      <c r="J43" s="96">
        <v>3704</v>
      </c>
      <c r="K43" s="96">
        <v>3772</v>
      </c>
      <c r="L43" s="96">
        <v>3704</v>
      </c>
      <c r="M43" s="96">
        <v>3772</v>
      </c>
      <c r="N43" s="96">
        <v>377</v>
      </c>
      <c r="O43" s="96">
        <v>387</v>
      </c>
      <c r="P43" s="97">
        <v>0</v>
      </c>
      <c r="Q43" s="97">
        <v>0</v>
      </c>
      <c r="R43" s="97">
        <v>0</v>
      </c>
      <c r="S43" s="97">
        <v>0</v>
      </c>
      <c r="T43" s="97">
        <v>0</v>
      </c>
      <c r="U43" s="97">
        <v>0</v>
      </c>
      <c r="V43" s="96">
        <v>1917</v>
      </c>
      <c r="W43" s="96">
        <v>1944</v>
      </c>
      <c r="X43" s="96">
        <v>5</v>
      </c>
      <c r="Y43" s="95">
        <v>0</v>
      </c>
    </row>
    <row r="44" spans="1:25" s="137" customFormat="1" ht="14.1" customHeight="1" x14ac:dyDescent="0.15">
      <c r="A44" s="153">
        <v>305</v>
      </c>
      <c r="B44" s="162" t="s">
        <v>73</v>
      </c>
      <c r="C44" s="155" t="s">
        <v>72</v>
      </c>
      <c r="D44" s="96">
        <v>3790</v>
      </c>
      <c r="E44" s="96">
        <v>3794</v>
      </c>
      <c r="F44" s="97">
        <v>0</v>
      </c>
      <c r="G44" s="97">
        <v>0</v>
      </c>
      <c r="H44" s="97">
        <v>0</v>
      </c>
      <c r="I44" s="97">
        <v>0</v>
      </c>
      <c r="J44" s="96">
        <v>7720</v>
      </c>
      <c r="K44" s="96">
        <v>7723</v>
      </c>
      <c r="L44" s="96">
        <v>7720</v>
      </c>
      <c r="M44" s="96">
        <v>7723</v>
      </c>
      <c r="N44" s="96">
        <v>976</v>
      </c>
      <c r="O44" s="96">
        <v>990</v>
      </c>
      <c r="P44" s="97">
        <v>0</v>
      </c>
      <c r="Q44" s="97">
        <v>0</v>
      </c>
      <c r="R44" s="97">
        <v>0</v>
      </c>
      <c r="S44" s="97">
        <v>0</v>
      </c>
      <c r="T44" s="97">
        <v>0</v>
      </c>
      <c r="U44" s="97">
        <v>0</v>
      </c>
      <c r="V44" s="96">
        <v>3602</v>
      </c>
      <c r="W44" s="96">
        <v>3584</v>
      </c>
      <c r="X44" s="96">
        <v>10</v>
      </c>
      <c r="Y44" s="95">
        <v>0</v>
      </c>
    </row>
    <row r="45" spans="1:25" s="137" customFormat="1" ht="14.1" customHeight="1" thickBot="1" x14ac:dyDescent="0.2">
      <c r="A45" s="159">
        <v>306</v>
      </c>
      <c r="B45" s="163" t="s">
        <v>71</v>
      </c>
      <c r="C45" s="160" t="s">
        <v>70</v>
      </c>
      <c r="D45" s="93">
        <v>37925</v>
      </c>
      <c r="E45" s="93">
        <v>37739</v>
      </c>
      <c r="F45" s="94">
        <v>0</v>
      </c>
      <c r="G45" s="94">
        <v>0</v>
      </c>
      <c r="H45" s="94">
        <v>0</v>
      </c>
      <c r="I45" s="94">
        <v>0</v>
      </c>
      <c r="J45" s="93">
        <v>78876</v>
      </c>
      <c r="K45" s="93">
        <v>78526</v>
      </c>
      <c r="L45" s="93">
        <v>78876</v>
      </c>
      <c r="M45" s="93">
        <v>78526</v>
      </c>
      <c r="N45" s="93">
        <v>8488</v>
      </c>
      <c r="O45" s="93">
        <v>8509</v>
      </c>
      <c r="P45" s="94">
        <v>0</v>
      </c>
      <c r="Q45" s="94">
        <v>0</v>
      </c>
      <c r="R45" s="94">
        <v>0</v>
      </c>
      <c r="S45" s="94">
        <v>0</v>
      </c>
      <c r="T45" s="94">
        <v>0</v>
      </c>
      <c r="U45" s="94">
        <v>0</v>
      </c>
      <c r="V45" s="93">
        <v>30006</v>
      </c>
      <c r="W45" s="93">
        <v>29751</v>
      </c>
      <c r="X45" s="93">
        <v>31</v>
      </c>
      <c r="Y45" s="92">
        <v>0</v>
      </c>
    </row>
    <row r="46" spans="1:25" s="137" customFormat="1" ht="14.1" customHeight="1" thickTop="1" thickBot="1" x14ac:dyDescent="0.2">
      <c r="A46" s="236" t="s">
        <v>69</v>
      </c>
      <c r="B46" s="237"/>
      <c r="C46" s="164" t="s">
        <v>67</v>
      </c>
      <c r="D46" s="102">
        <v>69844</v>
      </c>
      <c r="E46" s="102">
        <v>70039</v>
      </c>
      <c r="F46" s="102">
        <v>0</v>
      </c>
      <c r="G46" s="102">
        <v>0</v>
      </c>
      <c r="H46" s="102">
        <v>0</v>
      </c>
      <c r="I46" s="102">
        <v>0</v>
      </c>
      <c r="J46" s="102">
        <v>132363</v>
      </c>
      <c r="K46" s="102">
        <v>132580</v>
      </c>
      <c r="L46" s="102">
        <v>132363</v>
      </c>
      <c r="M46" s="102">
        <v>132580</v>
      </c>
      <c r="N46" s="102">
        <v>15494</v>
      </c>
      <c r="O46" s="102">
        <v>15509</v>
      </c>
      <c r="P46" s="102">
        <v>0</v>
      </c>
      <c r="Q46" s="102">
        <v>0</v>
      </c>
      <c r="R46" s="102">
        <v>0</v>
      </c>
      <c r="S46" s="102">
        <v>0</v>
      </c>
      <c r="T46" s="102">
        <v>0</v>
      </c>
      <c r="U46" s="102">
        <v>0</v>
      </c>
      <c r="V46" s="102">
        <v>55317</v>
      </c>
      <c r="W46" s="102">
        <v>55263</v>
      </c>
      <c r="X46" s="165">
        <v>74</v>
      </c>
      <c r="Y46" s="166">
        <v>0</v>
      </c>
    </row>
    <row r="47" spans="1:25" s="137" customFormat="1" ht="14.1" customHeight="1" thickTop="1" thickBot="1" x14ac:dyDescent="0.2">
      <c r="A47" s="238" t="s">
        <v>68</v>
      </c>
      <c r="B47" s="239"/>
      <c r="C47" s="167" t="s">
        <v>67</v>
      </c>
      <c r="D47" s="168">
        <v>1261877</v>
      </c>
      <c r="E47" s="168">
        <v>1270399</v>
      </c>
      <c r="F47" s="168">
        <v>2</v>
      </c>
      <c r="G47" s="168">
        <v>3</v>
      </c>
      <c r="H47" s="168">
        <v>1</v>
      </c>
      <c r="I47" s="168">
        <v>2</v>
      </c>
      <c r="J47" s="168">
        <v>1896955</v>
      </c>
      <c r="K47" s="168">
        <v>1919303</v>
      </c>
      <c r="L47" s="168">
        <v>1896952</v>
      </c>
      <c r="M47" s="168">
        <v>1919295</v>
      </c>
      <c r="N47" s="168">
        <v>769320</v>
      </c>
      <c r="O47" s="168">
        <v>774766</v>
      </c>
      <c r="P47" s="168">
        <v>3</v>
      </c>
      <c r="Q47" s="168">
        <v>7</v>
      </c>
      <c r="R47" s="168">
        <v>0</v>
      </c>
      <c r="S47" s="168">
        <v>1</v>
      </c>
      <c r="T47" s="168">
        <v>3</v>
      </c>
      <c r="U47" s="168">
        <v>8</v>
      </c>
      <c r="V47" s="168">
        <v>631136</v>
      </c>
      <c r="W47" s="168">
        <v>638953</v>
      </c>
      <c r="X47" s="168">
        <v>590</v>
      </c>
      <c r="Y47" s="169">
        <v>529</v>
      </c>
    </row>
    <row r="48" spans="1:25" s="137" customFormat="1" ht="11.1" customHeight="1" x14ac:dyDescent="0.15">
      <c r="A48" s="170" t="s">
        <v>66</v>
      </c>
      <c r="B48" s="171"/>
      <c r="C48" s="172"/>
      <c r="D48" s="173"/>
      <c r="E48" s="173"/>
      <c r="F48" s="173"/>
      <c r="G48" s="173"/>
      <c r="H48" s="173"/>
      <c r="I48" s="173"/>
      <c r="J48" s="174"/>
      <c r="K48" s="175"/>
      <c r="L48" s="173"/>
      <c r="M48" s="176"/>
      <c r="N48" s="173"/>
      <c r="O48" s="176"/>
      <c r="P48" s="176"/>
      <c r="Q48" s="176"/>
      <c r="R48" s="173"/>
      <c r="S48" s="173"/>
      <c r="T48" s="173"/>
      <c r="U48" s="173"/>
      <c r="V48" s="173"/>
      <c r="W48" s="173"/>
      <c r="X48" s="173"/>
      <c r="Y48" s="173"/>
    </row>
    <row r="49" spans="2:25" s="137" customFormat="1" x14ac:dyDescent="0.15">
      <c r="C49" s="177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3"/>
      <c r="S49" s="173"/>
      <c r="T49" s="173"/>
      <c r="U49" s="173"/>
      <c r="V49" s="173"/>
      <c r="W49" s="173"/>
      <c r="X49" s="173"/>
      <c r="Y49" s="173"/>
    </row>
    <row r="50" spans="2:25" x14ac:dyDescent="0.15">
      <c r="B50" s="178"/>
      <c r="D50" s="173"/>
      <c r="E50" s="173"/>
      <c r="F50" s="173"/>
      <c r="G50" s="173"/>
      <c r="H50" s="173"/>
      <c r="I50" s="173"/>
      <c r="J50" s="173"/>
      <c r="K50" s="173"/>
      <c r="L50" s="173"/>
      <c r="M50" s="173"/>
      <c r="N50" s="173"/>
      <c r="O50" s="173"/>
      <c r="P50" s="173"/>
      <c r="Q50" s="173"/>
      <c r="R50" s="173"/>
      <c r="S50" s="173"/>
      <c r="T50" s="173"/>
      <c r="U50" s="173"/>
      <c r="V50" s="173"/>
      <c r="W50" s="173"/>
      <c r="X50" s="173"/>
      <c r="Y50" s="173"/>
    </row>
    <row r="51" spans="2:25" x14ac:dyDescent="0.15">
      <c r="D51" s="173"/>
      <c r="E51" s="173"/>
      <c r="F51" s="173"/>
      <c r="G51" s="173"/>
      <c r="H51" s="173"/>
      <c r="I51" s="173"/>
      <c r="J51" s="173"/>
      <c r="K51" s="173"/>
      <c r="L51" s="173"/>
      <c r="M51" s="173"/>
      <c r="N51" s="173"/>
      <c r="O51" s="173"/>
      <c r="P51" s="173"/>
      <c r="Q51" s="173"/>
      <c r="R51" s="173"/>
      <c r="S51" s="173"/>
      <c r="T51" s="173"/>
      <c r="U51" s="173"/>
      <c r="V51" s="173"/>
      <c r="W51" s="173"/>
      <c r="X51" s="173"/>
      <c r="Y51" s="173"/>
    </row>
    <row r="52" spans="2:25" x14ac:dyDescent="0.15">
      <c r="D52" s="173"/>
      <c r="E52" s="173"/>
      <c r="F52" s="173"/>
      <c r="G52" s="173"/>
      <c r="H52" s="173"/>
      <c r="I52" s="173"/>
      <c r="J52" s="173"/>
      <c r="K52" s="173"/>
      <c r="L52" s="173"/>
      <c r="M52" s="173"/>
      <c r="N52" s="173"/>
      <c r="O52" s="173"/>
      <c r="P52" s="173"/>
      <c r="Q52" s="173"/>
      <c r="R52" s="173"/>
      <c r="S52" s="173"/>
      <c r="T52" s="173"/>
      <c r="U52" s="173"/>
      <c r="V52" s="173"/>
      <c r="W52" s="173"/>
      <c r="X52" s="173"/>
      <c r="Y52" s="173"/>
    </row>
    <row r="53" spans="2:25" x14ac:dyDescent="0.15">
      <c r="D53" s="173"/>
      <c r="E53" s="173"/>
      <c r="F53" s="173"/>
      <c r="G53" s="173"/>
      <c r="H53" s="173"/>
      <c r="I53" s="173"/>
      <c r="J53" s="173"/>
      <c r="K53" s="173"/>
      <c r="L53" s="173"/>
      <c r="M53" s="173"/>
      <c r="N53" s="173"/>
      <c r="O53" s="173"/>
      <c r="P53" s="173"/>
      <c r="Q53" s="173"/>
      <c r="R53" s="173"/>
      <c r="S53" s="173"/>
      <c r="T53" s="173"/>
      <c r="U53" s="173"/>
      <c r="V53" s="173"/>
      <c r="W53" s="173"/>
      <c r="X53" s="173"/>
      <c r="Y53" s="173"/>
    </row>
    <row r="54" spans="2:25" x14ac:dyDescent="0.15">
      <c r="D54" s="173"/>
      <c r="E54" s="173"/>
      <c r="F54" s="173"/>
      <c r="G54" s="173"/>
      <c r="H54" s="173"/>
      <c r="I54" s="173"/>
      <c r="J54" s="173"/>
      <c r="K54" s="173"/>
      <c r="L54" s="173"/>
      <c r="M54" s="173"/>
      <c r="N54" s="173"/>
      <c r="O54" s="173"/>
      <c r="P54" s="173"/>
      <c r="Q54" s="173"/>
      <c r="R54" s="173"/>
      <c r="S54" s="173"/>
      <c r="T54" s="173"/>
      <c r="U54" s="173"/>
      <c r="V54" s="173"/>
      <c r="W54" s="173"/>
      <c r="X54" s="173"/>
      <c r="Y54" s="173"/>
    </row>
    <row r="55" spans="2:25" x14ac:dyDescent="0.15">
      <c r="D55" s="173"/>
      <c r="E55" s="173"/>
      <c r="F55" s="173"/>
      <c r="G55" s="173"/>
      <c r="H55" s="173"/>
      <c r="I55" s="173"/>
      <c r="J55" s="173"/>
      <c r="K55" s="173"/>
      <c r="L55" s="173"/>
      <c r="M55" s="173"/>
      <c r="N55" s="173"/>
      <c r="O55" s="173"/>
      <c r="P55" s="173"/>
      <c r="Q55" s="173"/>
      <c r="R55" s="173"/>
      <c r="S55" s="173"/>
      <c r="T55" s="173"/>
      <c r="U55" s="173"/>
      <c r="V55" s="173"/>
      <c r="W55" s="173"/>
      <c r="X55" s="173"/>
      <c r="Y55" s="173"/>
    </row>
    <row r="56" spans="2:25" x14ac:dyDescent="0.15">
      <c r="D56" s="173"/>
      <c r="E56" s="173"/>
      <c r="F56" s="173"/>
      <c r="G56" s="173"/>
      <c r="H56" s="173"/>
      <c r="I56" s="173"/>
      <c r="J56" s="173"/>
      <c r="K56" s="173"/>
      <c r="L56" s="173"/>
      <c r="M56" s="173"/>
      <c r="N56" s="173"/>
      <c r="O56" s="173"/>
      <c r="P56" s="173"/>
      <c r="Q56" s="173"/>
      <c r="R56" s="173"/>
      <c r="S56" s="173"/>
      <c r="T56" s="173"/>
      <c r="U56" s="173"/>
      <c r="V56" s="173"/>
      <c r="W56" s="173"/>
      <c r="X56" s="173"/>
      <c r="Y56" s="173"/>
    </row>
    <row r="57" spans="2:25" x14ac:dyDescent="0.15">
      <c r="D57" s="173"/>
      <c r="E57" s="173"/>
      <c r="F57" s="173"/>
      <c r="G57" s="173"/>
      <c r="H57" s="173"/>
      <c r="I57" s="173"/>
      <c r="J57" s="173"/>
      <c r="K57" s="173"/>
      <c r="L57" s="173"/>
      <c r="M57" s="173"/>
      <c r="N57" s="173"/>
      <c r="O57" s="173"/>
      <c r="P57" s="173"/>
      <c r="Q57" s="173"/>
      <c r="R57" s="173"/>
      <c r="S57" s="173"/>
      <c r="T57" s="173"/>
      <c r="U57" s="173"/>
      <c r="V57" s="173"/>
      <c r="W57" s="173"/>
      <c r="X57" s="173"/>
      <c r="Y57" s="173"/>
    </row>
    <row r="58" spans="2:25" x14ac:dyDescent="0.15">
      <c r="D58" s="173"/>
      <c r="E58" s="173"/>
      <c r="F58" s="173"/>
      <c r="G58" s="173"/>
      <c r="H58" s="173"/>
      <c r="I58" s="173"/>
      <c r="J58" s="173"/>
      <c r="K58" s="173"/>
      <c r="L58" s="173"/>
      <c r="M58" s="173"/>
      <c r="N58" s="173"/>
      <c r="O58" s="173"/>
      <c r="P58" s="173"/>
      <c r="Q58" s="173"/>
      <c r="R58" s="173"/>
      <c r="S58" s="173"/>
      <c r="T58" s="173"/>
      <c r="U58" s="173"/>
      <c r="V58" s="173"/>
      <c r="W58" s="173"/>
      <c r="X58" s="173"/>
      <c r="Y58" s="173"/>
    </row>
    <row r="59" spans="2:25" x14ac:dyDescent="0.15">
      <c r="D59" s="173"/>
      <c r="E59" s="173"/>
      <c r="F59" s="173"/>
      <c r="G59" s="173"/>
      <c r="H59" s="173"/>
      <c r="I59" s="173"/>
      <c r="J59" s="173"/>
      <c r="K59" s="173"/>
      <c r="L59" s="173"/>
      <c r="M59" s="173"/>
      <c r="N59" s="173"/>
      <c r="O59" s="173"/>
      <c r="P59" s="173"/>
      <c r="Q59" s="173"/>
      <c r="R59" s="173"/>
      <c r="S59" s="173"/>
      <c r="T59" s="173"/>
      <c r="U59" s="173"/>
      <c r="V59" s="173"/>
      <c r="W59" s="173"/>
      <c r="X59" s="173"/>
      <c r="Y59" s="173"/>
    </row>
    <row r="60" spans="2:25" x14ac:dyDescent="0.15">
      <c r="D60" s="173"/>
      <c r="E60" s="173"/>
      <c r="F60" s="173"/>
      <c r="G60" s="173"/>
      <c r="H60" s="173"/>
      <c r="I60" s="173"/>
      <c r="J60" s="173"/>
      <c r="K60" s="173"/>
      <c r="L60" s="173"/>
      <c r="M60" s="173"/>
      <c r="N60" s="173"/>
      <c r="O60" s="173"/>
      <c r="P60" s="173"/>
      <c r="Q60" s="173"/>
      <c r="R60" s="173"/>
      <c r="S60" s="173"/>
      <c r="T60" s="173"/>
      <c r="U60" s="173"/>
      <c r="V60" s="173"/>
      <c r="W60" s="173"/>
      <c r="X60" s="173"/>
      <c r="Y60" s="173"/>
    </row>
    <row r="61" spans="2:25" x14ac:dyDescent="0.15">
      <c r="D61" s="173"/>
      <c r="E61" s="173"/>
      <c r="F61" s="173"/>
      <c r="G61" s="173"/>
      <c r="H61" s="173"/>
      <c r="I61" s="173"/>
      <c r="J61" s="173"/>
      <c r="K61" s="173"/>
      <c r="L61" s="173"/>
      <c r="M61" s="173"/>
      <c r="N61" s="173"/>
      <c r="O61" s="173"/>
      <c r="P61" s="173"/>
      <c r="Q61" s="173"/>
      <c r="R61" s="173"/>
      <c r="S61" s="173"/>
      <c r="T61" s="173"/>
      <c r="U61" s="173"/>
      <c r="V61" s="173"/>
      <c r="W61" s="173"/>
      <c r="X61" s="173"/>
      <c r="Y61" s="173"/>
    </row>
    <row r="62" spans="2:25" x14ac:dyDescent="0.15">
      <c r="D62" s="173"/>
      <c r="E62" s="173"/>
      <c r="F62" s="173"/>
      <c r="G62" s="173"/>
      <c r="H62" s="173"/>
      <c r="I62" s="173"/>
      <c r="J62" s="173"/>
      <c r="K62" s="173"/>
      <c r="L62" s="173"/>
      <c r="M62" s="173"/>
      <c r="N62" s="173"/>
      <c r="O62" s="173"/>
      <c r="P62" s="173"/>
      <c r="Q62" s="173"/>
      <c r="R62" s="173"/>
      <c r="S62" s="173"/>
      <c r="T62" s="173"/>
      <c r="U62" s="173"/>
      <c r="V62" s="173"/>
      <c r="W62" s="173"/>
      <c r="X62" s="173"/>
      <c r="Y62" s="173"/>
    </row>
    <row r="63" spans="2:25" x14ac:dyDescent="0.15">
      <c r="D63" s="173"/>
      <c r="E63" s="173"/>
      <c r="F63" s="173"/>
      <c r="G63" s="173"/>
      <c r="H63" s="173"/>
      <c r="I63" s="173"/>
      <c r="J63" s="173"/>
      <c r="K63" s="173"/>
      <c r="L63" s="173"/>
      <c r="M63" s="173"/>
      <c r="N63" s="173"/>
      <c r="O63" s="173"/>
      <c r="P63" s="173"/>
      <c r="Q63" s="173"/>
      <c r="R63" s="173"/>
      <c r="S63" s="173"/>
      <c r="T63" s="173"/>
      <c r="U63" s="173"/>
      <c r="V63" s="173"/>
      <c r="W63" s="173"/>
      <c r="X63" s="173"/>
      <c r="Y63" s="173"/>
    </row>
    <row r="64" spans="2:25" x14ac:dyDescent="0.15">
      <c r="D64" s="173"/>
      <c r="E64" s="173"/>
      <c r="F64" s="173"/>
      <c r="G64" s="173"/>
      <c r="H64" s="173"/>
      <c r="I64" s="173"/>
      <c r="J64" s="173"/>
      <c r="K64" s="173"/>
      <c r="L64" s="173"/>
      <c r="M64" s="173"/>
      <c r="N64" s="173"/>
      <c r="O64" s="173"/>
      <c r="P64" s="173"/>
      <c r="Q64" s="173"/>
      <c r="R64" s="173"/>
      <c r="S64" s="173"/>
      <c r="T64" s="173"/>
      <c r="U64" s="173"/>
      <c r="V64" s="173"/>
      <c r="W64" s="173"/>
      <c r="X64" s="173"/>
      <c r="Y64" s="173"/>
    </row>
    <row r="65" spans="4:25" x14ac:dyDescent="0.15">
      <c r="D65" s="173"/>
      <c r="E65" s="173"/>
      <c r="F65" s="173"/>
      <c r="G65" s="173"/>
      <c r="H65" s="173"/>
      <c r="I65" s="173"/>
      <c r="J65" s="173"/>
      <c r="K65" s="173"/>
      <c r="L65" s="173"/>
      <c r="M65" s="173"/>
      <c r="N65" s="173"/>
      <c r="O65" s="173"/>
      <c r="P65" s="173"/>
      <c r="Q65" s="173"/>
      <c r="R65" s="173"/>
      <c r="S65" s="173"/>
      <c r="T65" s="173"/>
      <c r="U65" s="173"/>
      <c r="V65" s="173"/>
      <c r="W65" s="173"/>
      <c r="X65" s="173"/>
      <c r="Y65" s="173"/>
    </row>
    <row r="66" spans="4:25" x14ac:dyDescent="0.15">
      <c r="D66" s="173"/>
      <c r="E66" s="173"/>
      <c r="F66" s="173"/>
      <c r="G66" s="173"/>
      <c r="H66" s="173"/>
      <c r="I66" s="173"/>
      <c r="J66" s="173"/>
      <c r="K66" s="173"/>
      <c r="L66" s="173"/>
      <c r="M66" s="173"/>
      <c r="N66" s="173"/>
      <c r="O66" s="173"/>
      <c r="P66" s="173"/>
      <c r="Q66" s="173"/>
      <c r="R66" s="173"/>
      <c r="S66" s="173"/>
      <c r="T66" s="173"/>
      <c r="U66" s="173"/>
      <c r="V66" s="173"/>
      <c r="W66" s="173"/>
      <c r="X66" s="173"/>
      <c r="Y66" s="173"/>
    </row>
    <row r="67" spans="4:25" x14ac:dyDescent="0.15">
      <c r="D67" s="173"/>
      <c r="E67" s="173"/>
      <c r="F67" s="173"/>
      <c r="G67" s="173"/>
      <c r="H67" s="173"/>
      <c r="I67" s="173"/>
      <c r="J67" s="173"/>
      <c r="K67" s="173"/>
      <c r="L67" s="173"/>
      <c r="M67" s="173"/>
      <c r="N67" s="173"/>
      <c r="O67" s="173"/>
      <c r="P67" s="173"/>
      <c r="Q67" s="173"/>
      <c r="R67" s="173"/>
      <c r="S67" s="173"/>
      <c r="T67" s="173"/>
      <c r="U67" s="173"/>
      <c r="V67" s="173"/>
      <c r="W67" s="173"/>
      <c r="X67" s="173"/>
      <c r="Y67" s="173"/>
    </row>
    <row r="68" spans="4:25" x14ac:dyDescent="0.15">
      <c r="D68" s="173"/>
      <c r="E68" s="173"/>
      <c r="F68" s="173"/>
      <c r="G68" s="173"/>
      <c r="H68" s="173"/>
      <c r="I68" s="173"/>
      <c r="J68" s="173"/>
      <c r="K68" s="173"/>
      <c r="L68" s="173"/>
      <c r="M68" s="173"/>
      <c r="N68" s="173"/>
      <c r="O68" s="173"/>
      <c r="P68" s="173"/>
      <c r="Q68" s="173"/>
      <c r="R68" s="173"/>
      <c r="S68" s="173"/>
      <c r="T68" s="173"/>
      <c r="U68" s="173"/>
      <c r="V68" s="173"/>
      <c r="W68" s="173"/>
      <c r="X68" s="173"/>
      <c r="Y68" s="173"/>
    </row>
    <row r="69" spans="4:25" x14ac:dyDescent="0.15">
      <c r="D69" s="173"/>
      <c r="E69" s="173"/>
      <c r="F69" s="173"/>
      <c r="G69" s="173"/>
      <c r="H69" s="173"/>
      <c r="I69" s="173"/>
      <c r="J69" s="173"/>
      <c r="K69" s="173"/>
      <c r="L69" s="173"/>
      <c r="M69" s="173"/>
      <c r="N69" s="173"/>
      <c r="O69" s="173"/>
      <c r="P69" s="173"/>
      <c r="Q69" s="173"/>
      <c r="R69" s="173"/>
      <c r="S69" s="173"/>
      <c r="T69" s="173"/>
      <c r="U69" s="173"/>
      <c r="V69" s="173"/>
      <c r="W69" s="173"/>
      <c r="X69" s="173"/>
      <c r="Y69" s="173"/>
    </row>
    <row r="70" spans="4:25" x14ac:dyDescent="0.15">
      <c r="D70" s="173"/>
      <c r="E70" s="173"/>
      <c r="F70" s="173"/>
      <c r="G70" s="173"/>
      <c r="H70" s="173"/>
      <c r="I70" s="173"/>
      <c r="J70" s="173"/>
      <c r="K70" s="173"/>
      <c r="L70" s="173"/>
      <c r="M70" s="173"/>
      <c r="N70" s="173"/>
      <c r="O70" s="173"/>
      <c r="P70" s="173"/>
      <c r="Q70" s="173"/>
      <c r="R70" s="173"/>
      <c r="S70" s="173"/>
      <c r="T70" s="173"/>
      <c r="U70" s="173"/>
      <c r="V70" s="173"/>
      <c r="W70" s="173"/>
      <c r="X70" s="173"/>
      <c r="Y70" s="173"/>
    </row>
    <row r="71" spans="4:25" x14ac:dyDescent="0.15">
      <c r="D71" s="173"/>
      <c r="E71" s="173"/>
      <c r="F71" s="173"/>
      <c r="G71" s="173"/>
      <c r="H71" s="173"/>
      <c r="I71" s="173"/>
      <c r="J71" s="173"/>
      <c r="K71" s="173"/>
      <c r="L71" s="173"/>
      <c r="M71" s="173"/>
      <c r="N71" s="173"/>
      <c r="O71" s="173"/>
      <c r="P71" s="173"/>
      <c r="Q71" s="173"/>
      <c r="R71" s="173"/>
      <c r="S71" s="173"/>
      <c r="T71" s="173"/>
      <c r="U71" s="173"/>
      <c r="V71" s="173"/>
      <c r="W71" s="173"/>
      <c r="X71" s="173"/>
      <c r="Y71" s="173"/>
    </row>
    <row r="72" spans="4:25" x14ac:dyDescent="0.15">
      <c r="D72" s="173"/>
      <c r="E72" s="173"/>
      <c r="F72" s="173"/>
      <c r="G72" s="173"/>
      <c r="H72" s="173"/>
      <c r="I72" s="173"/>
      <c r="J72" s="173"/>
      <c r="K72" s="173"/>
      <c r="L72" s="173"/>
      <c r="M72" s="173"/>
      <c r="N72" s="173"/>
      <c r="O72" s="173"/>
      <c r="P72" s="173"/>
      <c r="Q72" s="173"/>
      <c r="R72" s="173"/>
      <c r="S72" s="173"/>
      <c r="T72" s="173"/>
      <c r="U72" s="173"/>
      <c r="V72" s="173"/>
      <c r="W72" s="173"/>
      <c r="X72" s="173"/>
      <c r="Y72" s="173"/>
    </row>
    <row r="73" spans="4:25" x14ac:dyDescent="0.15">
      <c r="D73" s="173"/>
      <c r="E73" s="173"/>
      <c r="F73" s="173"/>
      <c r="G73" s="173"/>
      <c r="H73" s="173"/>
      <c r="I73" s="173"/>
      <c r="J73" s="173"/>
      <c r="K73" s="173"/>
      <c r="L73" s="173"/>
      <c r="M73" s="173"/>
      <c r="N73" s="173"/>
      <c r="O73" s="173"/>
      <c r="P73" s="173"/>
      <c r="Q73" s="173"/>
      <c r="R73" s="173"/>
      <c r="S73" s="173"/>
      <c r="T73" s="173"/>
      <c r="U73" s="173"/>
      <c r="V73" s="173"/>
      <c r="W73" s="173"/>
      <c r="X73" s="173"/>
      <c r="Y73" s="173"/>
    </row>
    <row r="74" spans="4:25" x14ac:dyDescent="0.15">
      <c r="D74" s="173"/>
      <c r="E74" s="173"/>
      <c r="F74" s="173"/>
      <c r="G74" s="173"/>
      <c r="H74" s="173"/>
      <c r="I74" s="173"/>
      <c r="J74" s="173"/>
      <c r="K74" s="173"/>
      <c r="L74" s="173"/>
      <c r="M74" s="173"/>
      <c r="N74" s="173"/>
      <c r="O74" s="173"/>
      <c r="P74" s="173"/>
      <c r="Q74" s="173"/>
      <c r="R74" s="173"/>
      <c r="S74" s="173"/>
      <c r="T74" s="173"/>
      <c r="U74" s="173"/>
      <c r="V74" s="173"/>
      <c r="W74" s="173"/>
      <c r="X74" s="173"/>
      <c r="Y74" s="173"/>
    </row>
    <row r="75" spans="4:25" x14ac:dyDescent="0.15">
      <c r="D75" s="173"/>
      <c r="E75" s="173"/>
      <c r="F75" s="173"/>
      <c r="G75" s="173"/>
      <c r="H75" s="173"/>
      <c r="I75" s="173"/>
      <c r="J75" s="173"/>
      <c r="K75" s="173"/>
      <c r="L75" s="173"/>
      <c r="M75" s="173"/>
      <c r="N75" s="173"/>
      <c r="O75" s="173"/>
      <c r="P75" s="173"/>
      <c r="Q75" s="173"/>
      <c r="R75" s="173"/>
      <c r="S75" s="173"/>
      <c r="T75" s="173"/>
      <c r="U75" s="173"/>
      <c r="V75" s="173"/>
      <c r="W75" s="173"/>
      <c r="X75" s="173"/>
      <c r="Y75" s="173"/>
    </row>
    <row r="76" spans="4:25" x14ac:dyDescent="0.15">
      <c r="D76" s="173"/>
      <c r="E76" s="173"/>
      <c r="F76" s="173"/>
      <c r="G76" s="173"/>
      <c r="H76" s="173"/>
      <c r="I76" s="173"/>
      <c r="J76" s="173"/>
      <c r="K76" s="173"/>
      <c r="L76" s="173"/>
      <c r="M76" s="173"/>
      <c r="N76" s="173"/>
      <c r="O76" s="173"/>
      <c r="P76" s="173"/>
      <c r="Q76" s="173"/>
      <c r="R76" s="173"/>
      <c r="S76" s="173"/>
      <c r="T76" s="173"/>
      <c r="U76" s="173"/>
      <c r="V76" s="173"/>
      <c r="W76" s="173"/>
      <c r="X76" s="173"/>
      <c r="Y76" s="173"/>
    </row>
    <row r="77" spans="4:25" x14ac:dyDescent="0.15">
      <c r="D77" s="173"/>
      <c r="E77" s="173"/>
      <c r="F77" s="173"/>
      <c r="G77" s="173"/>
      <c r="H77" s="173"/>
      <c r="I77" s="173"/>
      <c r="J77" s="173"/>
      <c r="K77" s="173"/>
      <c r="L77" s="173"/>
      <c r="M77" s="173"/>
      <c r="N77" s="173"/>
      <c r="O77" s="173"/>
      <c r="P77" s="173"/>
      <c r="Q77" s="173"/>
      <c r="R77" s="173"/>
      <c r="S77" s="173"/>
      <c r="T77" s="173"/>
      <c r="U77" s="173"/>
      <c r="V77" s="173"/>
      <c r="W77" s="173"/>
      <c r="X77" s="173"/>
      <c r="Y77" s="173"/>
    </row>
  </sheetData>
  <mergeCells count="15">
    <mergeCell ref="A39:B39"/>
    <mergeCell ref="A46:B46"/>
    <mergeCell ref="A47:B47"/>
    <mergeCell ref="V3:W4"/>
    <mergeCell ref="A4:B4"/>
    <mergeCell ref="D3:E3"/>
    <mergeCell ref="P3:U3"/>
    <mergeCell ref="N3:O4"/>
    <mergeCell ref="X3:Y4"/>
    <mergeCell ref="C3:C5"/>
    <mergeCell ref="D4:D5"/>
    <mergeCell ref="E4:E5"/>
    <mergeCell ref="J3:K4"/>
    <mergeCell ref="F3:I3"/>
    <mergeCell ref="L3:M4"/>
  </mergeCells>
  <phoneticPr fontId="2"/>
  <printOptions verticalCentered="1"/>
  <pageMargins left="0.78740157480314965" right="0" top="0.35433070866141736" bottom="0.27559055118110237" header="0.31496062992125984" footer="0.19685039370078741"/>
  <pageSetup paperSize="9" scale="83" orientation="landscape" blackAndWhite="1" r:id="rId1"/>
  <headerFooter alignWithMargins="0"/>
  <colBreaks count="1" manualBreakCount="1">
    <brk id="30" max="49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3"/>
  <sheetViews>
    <sheetView zoomScale="85" zoomScaleNormal="85" zoomScaleSheetLayoutView="85" workbookViewId="0"/>
  </sheetViews>
  <sheetFormatPr defaultColWidth="9" defaultRowHeight="13.2" x14ac:dyDescent="0.2"/>
  <cols>
    <col min="1" max="1" width="10.33203125" style="181" customWidth="1"/>
    <col min="2" max="2" width="5.33203125" style="181" customWidth="1"/>
    <col min="3" max="14" width="12.33203125" style="181" customWidth="1"/>
    <col min="15" max="16384" width="9" style="181"/>
  </cols>
  <sheetData>
    <row r="1" spans="1:16" s="3" customFormat="1" ht="16.2" x14ac:dyDescent="0.2">
      <c r="A1" s="181" t="s">
        <v>13</v>
      </c>
      <c r="B1" s="181"/>
      <c r="I1" s="181" t="s">
        <v>44</v>
      </c>
      <c r="J1" s="181"/>
      <c r="K1" s="181"/>
      <c r="L1" s="181"/>
      <c r="M1" s="181"/>
      <c r="N1" s="181"/>
    </row>
    <row r="2" spans="1:16" ht="13.8" thickBot="1" x14ac:dyDescent="0.25">
      <c r="E2" s="182"/>
      <c r="H2" s="183"/>
      <c r="I2" s="75"/>
      <c r="J2" s="75"/>
      <c r="K2" s="75"/>
      <c r="L2" s="75"/>
      <c r="M2" s="251" t="s">
        <v>8</v>
      </c>
      <c r="N2" s="251"/>
      <c r="O2" s="184"/>
    </row>
    <row r="3" spans="1:16" s="75" customFormat="1" ht="21.75" customHeight="1" x14ac:dyDescent="0.2">
      <c r="A3" s="268" t="s">
        <v>46</v>
      </c>
      <c r="B3" s="269"/>
      <c r="C3" s="257" t="s">
        <v>3</v>
      </c>
      <c r="D3" s="258"/>
      <c r="E3" s="267"/>
      <c r="F3" s="257" t="s">
        <v>6</v>
      </c>
      <c r="G3" s="258"/>
      <c r="H3" s="259"/>
      <c r="I3" s="252" t="s">
        <v>15</v>
      </c>
      <c r="J3" s="253"/>
      <c r="K3" s="254"/>
      <c r="L3" s="255" t="s">
        <v>7</v>
      </c>
      <c r="M3" s="255"/>
      <c r="N3" s="256"/>
    </row>
    <row r="4" spans="1:16" s="75" customFormat="1" ht="23.25" customHeight="1" x14ac:dyDescent="0.2">
      <c r="A4" s="270"/>
      <c r="B4" s="271"/>
      <c r="C4" s="185" t="s">
        <v>0</v>
      </c>
      <c r="D4" s="185" t="s">
        <v>1</v>
      </c>
      <c r="E4" s="186" t="s">
        <v>2</v>
      </c>
      <c r="F4" s="185" t="s">
        <v>0</v>
      </c>
      <c r="G4" s="185" t="s">
        <v>1</v>
      </c>
      <c r="H4" s="187" t="s">
        <v>2</v>
      </c>
      <c r="I4" s="188" t="s">
        <v>0</v>
      </c>
      <c r="J4" s="189" t="s">
        <v>1</v>
      </c>
      <c r="K4" s="190" t="s">
        <v>2</v>
      </c>
      <c r="L4" s="31" t="s">
        <v>0</v>
      </c>
      <c r="M4" s="185" t="s">
        <v>1</v>
      </c>
      <c r="N4" s="187" t="s">
        <v>2</v>
      </c>
    </row>
    <row r="5" spans="1:16" s="75" customFormat="1" ht="21.9" customHeight="1" x14ac:dyDescent="0.2">
      <c r="A5" s="11" t="s">
        <v>42</v>
      </c>
      <c r="B5" s="12"/>
      <c r="C5" s="8">
        <v>1358701</v>
      </c>
      <c r="D5" s="18">
        <v>73395</v>
      </c>
      <c r="E5" s="18">
        <v>1432096</v>
      </c>
      <c r="F5" s="18">
        <v>2184221</v>
      </c>
      <c r="G5" s="18">
        <v>147238</v>
      </c>
      <c r="H5" s="20">
        <v>2331459</v>
      </c>
      <c r="I5" s="23">
        <v>726202</v>
      </c>
      <c r="J5" s="27">
        <v>57827</v>
      </c>
      <c r="K5" s="27">
        <v>784029</v>
      </c>
      <c r="L5" s="32">
        <v>1097</v>
      </c>
      <c r="M5" s="34">
        <v>78</v>
      </c>
      <c r="N5" s="4">
        <v>1175</v>
      </c>
      <c r="O5" s="191"/>
      <c r="P5" s="191"/>
    </row>
    <row r="6" spans="1:16" s="75" customFormat="1" ht="21.9" customHeight="1" x14ac:dyDescent="0.2">
      <c r="A6" s="13"/>
      <c r="B6" s="14"/>
      <c r="C6" s="5">
        <v>-2.2700070490411894</v>
      </c>
      <c r="D6" s="5">
        <v>-4.9496872450367153</v>
      </c>
      <c r="E6" s="5">
        <v>-2.411008826714145</v>
      </c>
      <c r="F6" s="5">
        <v>-3.8941798941798944</v>
      </c>
      <c r="G6" s="5">
        <v>-7.0561054438945554</v>
      </c>
      <c r="H6" s="6">
        <v>-4.1002146728634781</v>
      </c>
      <c r="I6" s="7">
        <v>-5.3259544621963251</v>
      </c>
      <c r="J6" s="5">
        <v>-6.2056996415421839</v>
      </c>
      <c r="K6" s="5">
        <v>-5.3914044512663128</v>
      </c>
      <c r="L6" s="33"/>
      <c r="M6" s="35"/>
      <c r="N6" s="37"/>
      <c r="O6" s="191"/>
      <c r="P6" s="191"/>
    </row>
    <row r="7" spans="1:16" s="75" customFormat="1" ht="21.9" customHeight="1" x14ac:dyDescent="0.2">
      <c r="A7" s="15" t="s">
        <v>36</v>
      </c>
      <c r="B7" s="12"/>
      <c r="C7" s="9">
        <v>1303471</v>
      </c>
      <c r="D7" s="19">
        <v>72054</v>
      </c>
      <c r="E7" s="9">
        <v>1375525</v>
      </c>
      <c r="F7" s="19">
        <v>2051732</v>
      </c>
      <c r="G7" s="19">
        <v>142512</v>
      </c>
      <c r="H7" s="21">
        <v>2194244</v>
      </c>
      <c r="I7" s="24">
        <v>670010</v>
      </c>
      <c r="J7" s="28">
        <v>56897</v>
      </c>
      <c r="K7" s="28">
        <v>726907</v>
      </c>
      <c r="L7" s="32">
        <v>1084</v>
      </c>
      <c r="M7" s="34">
        <v>77</v>
      </c>
      <c r="N7" s="4">
        <v>1161</v>
      </c>
      <c r="O7" s="191"/>
      <c r="P7" s="191"/>
    </row>
    <row r="8" spans="1:16" s="75" customFormat="1" ht="21.9" customHeight="1" x14ac:dyDescent="0.2">
      <c r="A8" s="13"/>
      <c r="B8" s="14"/>
      <c r="C8" s="5">
        <v>-4.0649120005063715</v>
      </c>
      <c r="D8" s="5">
        <v>-1.8270999386879261</v>
      </c>
      <c r="E8" s="5">
        <v>-3.9502240073291173</v>
      </c>
      <c r="F8" s="5">
        <v>-6.0657323595002532</v>
      </c>
      <c r="G8" s="5">
        <v>-3.2097692171857761</v>
      </c>
      <c r="H8" s="6">
        <v>-5.8853704911817069</v>
      </c>
      <c r="I8" s="7">
        <v>-7.7377919642193209</v>
      </c>
      <c r="J8" s="5">
        <v>-1.6082452833451555</v>
      </c>
      <c r="K8" s="5">
        <v>-7.2856998912030013</v>
      </c>
      <c r="L8" s="33"/>
      <c r="M8" s="35"/>
      <c r="N8" s="37"/>
      <c r="O8" s="191"/>
      <c r="P8" s="191"/>
    </row>
    <row r="9" spans="1:16" s="75" customFormat="1" ht="21.9" customHeight="1" x14ac:dyDescent="0.2">
      <c r="A9" s="15" t="s">
        <v>43</v>
      </c>
      <c r="B9" s="12"/>
      <c r="C9" s="8">
        <v>1256535</v>
      </c>
      <c r="D9" s="8">
        <v>71034</v>
      </c>
      <c r="E9" s="8">
        <v>1327569</v>
      </c>
      <c r="F9" s="8">
        <v>1940172</v>
      </c>
      <c r="G9" s="8">
        <v>138278</v>
      </c>
      <c r="H9" s="22">
        <v>2078450</v>
      </c>
      <c r="I9" s="25">
        <v>626797</v>
      </c>
      <c r="J9" s="29">
        <v>55925</v>
      </c>
      <c r="K9" s="29">
        <v>682722</v>
      </c>
      <c r="L9" s="32">
        <v>1049</v>
      </c>
      <c r="M9" s="34">
        <v>78</v>
      </c>
      <c r="N9" s="4">
        <v>1127</v>
      </c>
      <c r="O9" s="191"/>
      <c r="P9" s="191"/>
    </row>
    <row r="10" spans="1:16" s="75" customFormat="1" ht="21.9" customHeight="1" x14ac:dyDescent="0.2">
      <c r="A10" s="13"/>
      <c r="B10" s="14"/>
      <c r="C10" s="5">
        <v>-3.6008472762339983</v>
      </c>
      <c r="D10" s="5">
        <v>-1.4156049629444611</v>
      </c>
      <c r="E10" s="5">
        <v>-3.4863779284273311</v>
      </c>
      <c r="F10" s="5">
        <v>-5.4373573156728083</v>
      </c>
      <c r="G10" s="5">
        <v>-2.9709778825642741</v>
      </c>
      <c r="H10" s="6">
        <v>-5.3</v>
      </c>
      <c r="I10" s="7">
        <v>-6.4496052297726925</v>
      </c>
      <c r="J10" s="5">
        <v>-1.7083501766349762</v>
      </c>
      <c r="K10" s="5">
        <v>-6.0784942227822825</v>
      </c>
      <c r="L10" s="14"/>
      <c r="M10" s="36"/>
      <c r="N10" s="38"/>
      <c r="O10" s="191"/>
      <c r="P10" s="191"/>
    </row>
    <row r="11" spans="1:16" s="75" customFormat="1" ht="21.9" customHeight="1" x14ac:dyDescent="0.2">
      <c r="A11" s="16" t="s">
        <v>33</v>
      </c>
      <c r="B11" s="12"/>
      <c r="C11" s="10">
        <v>1220218</v>
      </c>
      <c r="D11" s="1">
        <v>69986</v>
      </c>
      <c r="E11" s="1">
        <v>1290204</v>
      </c>
      <c r="F11" s="1">
        <v>1852198</v>
      </c>
      <c r="G11" s="1">
        <v>134917</v>
      </c>
      <c r="H11" s="2">
        <v>1987115</v>
      </c>
      <c r="I11" s="26">
        <v>600292</v>
      </c>
      <c r="J11" s="30">
        <v>55361</v>
      </c>
      <c r="K11" s="1">
        <v>655653</v>
      </c>
      <c r="L11" s="32">
        <v>1046</v>
      </c>
      <c r="M11" s="34">
        <v>75</v>
      </c>
      <c r="N11" s="4">
        <v>1121</v>
      </c>
      <c r="O11" s="191"/>
      <c r="P11" s="191"/>
    </row>
    <row r="12" spans="1:16" s="75" customFormat="1" ht="21.9" customHeight="1" x14ac:dyDescent="0.2">
      <c r="A12" s="17"/>
      <c r="B12" s="14"/>
      <c r="C12" s="5">
        <v>-2.8902497741805866</v>
      </c>
      <c r="D12" s="5">
        <v>-1.4753498324745928</v>
      </c>
      <c r="E12" s="5">
        <v>-2.8145429729076188</v>
      </c>
      <c r="F12" s="5">
        <v>-4.5343402543691962</v>
      </c>
      <c r="G12" s="5">
        <v>-2.4306107985362813</v>
      </c>
      <c r="H12" s="6">
        <v>-4.3943804277225773</v>
      </c>
      <c r="I12" s="7">
        <v>-4.2286418090705657</v>
      </c>
      <c r="J12" s="5">
        <v>-1.0084935181046029</v>
      </c>
      <c r="K12" s="5">
        <v>-3.9648641760482328</v>
      </c>
      <c r="L12" s="14"/>
      <c r="M12" s="36"/>
      <c r="N12" s="38"/>
      <c r="O12" s="191"/>
      <c r="P12" s="191"/>
    </row>
    <row r="13" spans="1:16" s="75" customFormat="1" ht="21.9" customHeight="1" x14ac:dyDescent="0.2">
      <c r="A13" s="16" t="s">
        <v>34</v>
      </c>
      <c r="B13" s="12"/>
      <c r="C13" s="10">
        <v>1196553</v>
      </c>
      <c r="D13" s="1">
        <v>69832</v>
      </c>
      <c r="E13" s="1">
        <v>1266385</v>
      </c>
      <c r="F13" s="1">
        <v>1788891</v>
      </c>
      <c r="G13" s="1">
        <v>132908</v>
      </c>
      <c r="H13" s="2">
        <v>1921799</v>
      </c>
      <c r="I13" s="26">
        <v>580405</v>
      </c>
      <c r="J13" s="30">
        <v>55164</v>
      </c>
      <c r="K13" s="1">
        <v>635569</v>
      </c>
      <c r="L13" s="32">
        <v>1047</v>
      </c>
      <c r="M13" s="34">
        <v>75</v>
      </c>
      <c r="N13" s="4">
        <v>1122</v>
      </c>
      <c r="O13" s="191"/>
      <c r="P13" s="191"/>
    </row>
    <row r="14" spans="1:16" s="75" customFormat="1" ht="21.9" customHeight="1" x14ac:dyDescent="0.2">
      <c r="A14" s="17"/>
      <c r="B14" s="14"/>
      <c r="C14" s="5">
        <v>-1.9394075484872375</v>
      </c>
      <c r="D14" s="5">
        <v>-0.22004400880175634</v>
      </c>
      <c r="E14" s="5">
        <v>-1.8461421604645478</v>
      </c>
      <c r="F14" s="5">
        <v>-3.4179391188199126</v>
      </c>
      <c r="G14" s="5">
        <v>-1.4890636465382467</v>
      </c>
      <c r="H14" s="6">
        <v>-3.2869763451033318</v>
      </c>
      <c r="I14" s="7">
        <v>-3.3128877279723912</v>
      </c>
      <c r="J14" s="5">
        <v>-0.35584617329889046</v>
      </c>
      <c r="K14" s="5">
        <v>-3.06320568959495</v>
      </c>
      <c r="L14" s="14"/>
      <c r="M14" s="36"/>
      <c r="N14" s="38"/>
      <c r="O14" s="191"/>
      <c r="P14" s="191"/>
    </row>
    <row r="15" spans="1:16" s="75" customFormat="1" ht="21.9" customHeight="1" x14ac:dyDescent="0.2">
      <c r="A15" s="57" t="s">
        <v>50</v>
      </c>
      <c r="B15" s="12"/>
      <c r="C15" s="10">
        <v>1192033</v>
      </c>
      <c r="D15" s="1">
        <v>69844</v>
      </c>
      <c r="E15" s="1">
        <v>1261877</v>
      </c>
      <c r="F15" s="1">
        <v>1764592</v>
      </c>
      <c r="G15" s="1">
        <v>132363</v>
      </c>
      <c r="H15" s="2">
        <v>1896955</v>
      </c>
      <c r="I15" s="26">
        <v>575819</v>
      </c>
      <c r="J15" s="30">
        <v>55317</v>
      </c>
      <c r="K15" s="1">
        <v>631136</v>
      </c>
      <c r="L15" s="32">
        <v>1045</v>
      </c>
      <c r="M15" s="34">
        <v>74</v>
      </c>
      <c r="N15" s="4">
        <v>1119</v>
      </c>
      <c r="O15" s="191"/>
      <c r="P15" s="191"/>
    </row>
    <row r="16" spans="1:16" s="75" customFormat="1" ht="21.9" customHeight="1" x14ac:dyDescent="0.2">
      <c r="A16" s="58"/>
      <c r="B16" s="14"/>
      <c r="C16" s="5">
        <v>-0.37775175859322552</v>
      </c>
      <c r="D16" s="5">
        <v>1.7184098980416174E-2</v>
      </c>
      <c r="E16" s="5">
        <v>-0.35597389419489422</v>
      </c>
      <c r="F16" s="5">
        <v>-1.3583275895512892</v>
      </c>
      <c r="G16" s="5">
        <v>-0.41005808529208654</v>
      </c>
      <c r="H16" s="6">
        <v>-1.2927470562738352</v>
      </c>
      <c r="I16" s="7">
        <v>-0.7901379209345194</v>
      </c>
      <c r="J16" s="5">
        <v>0.27735479660648821</v>
      </c>
      <c r="K16" s="5">
        <v>-0.69748524550442559</v>
      </c>
      <c r="L16" s="59"/>
      <c r="M16" s="36"/>
      <c r="N16" s="60"/>
      <c r="O16" s="191"/>
      <c r="P16" s="191"/>
    </row>
    <row r="17" spans="1:15" s="75" customFormat="1" ht="23.25" customHeight="1" x14ac:dyDescent="0.2">
      <c r="A17" s="61" t="s">
        <v>62</v>
      </c>
      <c r="B17" s="62" t="s">
        <v>45</v>
      </c>
      <c r="C17" s="49">
        <v>1196553</v>
      </c>
      <c r="D17" s="49">
        <v>70047</v>
      </c>
      <c r="E17" s="49">
        <v>1266600</v>
      </c>
      <c r="F17" s="49">
        <v>1788891</v>
      </c>
      <c r="G17" s="49">
        <v>132959</v>
      </c>
      <c r="H17" s="63">
        <v>1921850</v>
      </c>
      <c r="I17" s="64">
        <v>580405</v>
      </c>
      <c r="J17" s="65">
        <v>55209</v>
      </c>
      <c r="K17" s="50">
        <v>635614</v>
      </c>
      <c r="L17" s="48">
        <v>1047</v>
      </c>
      <c r="M17" s="49">
        <v>75</v>
      </c>
      <c r="N17" s="66">
        <v>1122</v>
      </c>
    </row>
    <row r="18" spans="1:15" s="75" customFormat="1" ht="23.25" customHeight="1" x14ac:dyDescent="0.2">
      <c r="A18" s="61" t="s">
        <v>51</v>
      </c>
      <c r="B18" s="67" t="s">
        <v>20</v>
      </c>
      <c r="C18" s="49">
        <v>1210959</v>
      </c>
      <c r="D18" s="49">
        <v>70229</v>
      </c>
      <c r="E18" s="49">
        <v>1281188</v>
      </c>
      <c r="F18" s="49">
        <v>1809674</v>
      </c>
      <c r="G18" s="49">
        <v>132830</v>
      </c>
      <c r="H18" s="63">
        <v>1942504</v>
      </c>
      <c r="I18" s="64">
        <v>589636</v>
      </c>
      <c r="J18" s="65">
        <v>55218</v>
      </c>
      <c r="K18" s="49">
        <v>644854</v>
      </c>
      <c r="L18" s="48">
        <v>1038</v>
      </c>
      <c r="M18" s="49">
        <v>75</v>
      </c>
      <c r="N18" s="66">
        <v>1113</v>
      </c>
    </row>
    <row r="19" spans="1:15" s="75" customFormat="1" ht="23.25" customHeight="1" x14ac:dyDescent="0.2">
      <c r="A19" s="61" t="s">
        <v>52</v>
      </c>
      <c r="B19" s="67" t="s">
        <v>21</v>
      </c>
      <c r="C19" s="49">
        <v>1209524</v>
      </c>
      <c r="D19" s="49">
        <v>70163</v>
      </c>
      <c r="E19" s="49">
        <v>1279687</v>
      </c>
      <c r="F19" s="49">
        <v>1806083</v>
      </c>
      <c r="G19" s="49">
        <v>132586</v>
      </c>
      <c r="H19" s="63">
        <v>1938669</v>
      </c>
      <c r="I19" s="64">
        <v>588773</v>
      </c>
      <c r="J19" s="65">
        <v>55171</v>
      </c>
      <c r="K19" s="49">
        <v>643944</v>
      </c>
      <c r="L19" s="48">
        <v>1037</v>
      </c>
      <c r="M19" s="49">
        <v>75</v>
      </c>
      <c r="N19" s="66">
        <v>1112</v>
      </c>
    </row>
    <row r="20" spans="1:15" s="75" customFormat="1" ht="23.25" customHeight="1" x14ac:dyDescent="0.2">
      <c r="A20" s="61" t="s">
        <v>53</v>
      </c>
      <c r="B20" s="67" t="s">
        <v>22</v>
      </c>
      <c r="C20" s="49">
        <v>1205126</v>
      </c>
      <c r="D20" s="49">
        <v>70105</v>
      </c>
      <c r="E20" s="49">
        <v>1275231</v>
      </c>
      <c r="F20" s="49">
        <v>1797245</v>
      </c>
      <c r="G20" s="49">
        <v>132534</v>
      </c>
      <c r="H20" s="63">
        <v>1929779</v>
      </c>
      <c r="I20" s="64">
        <v>586470</v>
      </c>
      <c r="J20" s="65">
        <v>55185</v>
      </c>
      <c r="K20" s="49">
        <v>641655</v>
      </c>
      <c r="L20" s="48">
        <v>1040</v>
      </c>
      <c r="M20" s="49">
        <v>75</v>
      </c>
      <c r="N20" s="66">
        <v>1115</v>
      </c>
    </row>
    <row r="21" spans="1:15" s="75" customFormat="1" ht="23.25" customHeight="1" x14ac:dyDescent="0.2">
      <c r="A21" s="61" t="s">
        <v>54</v>
      </c>
      <c r="B21" s="67" t="s">
        <v>23</v>
      </c>
      <c r="C21" s="49">
        <v>1203286</v>
      </c>
      <c r="D21" s="49">
        <v>70182</v>
      </c>
      <c r="E21" s="49">
        <v>1273468</v>
      </c>
      <c r="F21" s="49">
        <v>1792894</v>
      </c>
      <c r="G21" s="49">
        <v>132680</v>
      </c>
      <c r="H21" s="63">
        <v>1925574</v>
      </c>
      <c r="I21" s="64">
        <v>586209</v>
      </c>
      <c r="J21" s="65">
        <v>55235</v>
      </c>
      <c r="K21" s="49">
        <v>641444</v>
      </c>
      <c r="L21" s="48">
        <v>1040</v>
      </c>
      <c r="M21" s="49">
        <v>75</v>
      </c>
      <c r="N21" s="66">
        <v>1115</v>
      </c>
    </row>
    <row r="22" spans="1:15" s="75" customFormat="1" ht="23.25" customHeight="1" x14ac:dyDescent="0.2">
      <c r="A22" s="61" t="s">
        <v>55</v>
      </c>
      <c r="B22" s="67" t="s">
        <v>24</v>
      </c>
      <c r="C22" s="49">
        <v>1200379</v>
      </c>
      <c r="D22" s="49">
        <v>70145</v>
      </c>
      <c r="E22" s="49">
        <v>1270524</v>
      </c>
      <c r="F22" s="49">
        <v>1787080</v>
      </c>
      <c r="G22" s="49">
        <v>132672</v>
      </c>
      <c r="H22" s="63">
        <v>1919752</v>
      </c>
      <c r="I22" s="64">
        <v>584896</v>
      </c>
      <c r="J22" s="65">
        <v>55271</v>
      </c>
      <c r="K22" s="49">
        <v>640167</v>
      </c>
      <c r="L22" s="48">
        <v>1040</v>
      </c>
      <c r="M22" s="49">
        <v>75</v>
      </c>
      <c r="N22" s="66">
        <v>1115</v>
      </c>
    </row>
    <row r="23" spans="1:15" s="75" customFormat="1" ht="23.25" customHeight="1" x14ac:dyDescent="0.2">
      <c r="A23" s="61" t="s">
        <v>56</v>
      </c>
      <c r="B23" s="67" t="s">
        <v>30</v>
      </c>
      <c r="C23" s="49">
        <v>1198857</v>
      </c>
      <c r="D23" s="49">
        <v>70002</v>
      </c>
      <c r="E23" s="49">
        <v>1268859</v>
      </c>
      <c r="F23" s="49">
        <v>1783468</v>
      </c>
      <c r="G23" s="49">
        <v>132435</v>
      </c>
      <c r="H23" s="63">
        <v>1915903</v>
      </c>
      <c r="I23" s="64">
        <v>584155</v>
      </c>
      <c r="J23" s="65">
        <v>55252</v>
      </c>
      <c r="K23" s="49">
        <v>639407</v>
      </c>
      <c r="L23" s="48">
        <v>1044</v>
      </c>
      <c r="M23" s="49">
        <v>75</v>
      </c>
      <c r="N23" s="66">
        <v>1119</v>
      </c>
    </row>
    <row r="24" spans="1:15" s="75" customFormat="1" ht="23.25" customHeight="1" x14ac:dyDescent="0.2">
      <c r="A24" s="61" t="s">
        <v>57</v>
      </c>
      <c r="B24" s="67" t="s">
        <v>25</v>
      </c>
      <c r="C24" s="49">
        <v>1198781</v>
      </c>
      <c r="D24" s="49">
        <v>70029</v>
      </c>
      <c r="E24" s="49">
        <v>1268810</v>
      </c>
      <c r="F24" s="49">
        <v>1782147</v>
      </c>
      <c r="G24" s="49">
        <v>132550</v>
      </c>
      <c r="H24" s="63">
        <v>1914697</v>
      </c>
      <c r="I24" s="64">
        <v>584006</v>
      </c>
      <c r="J24" s="65">
        <v>55303</v>
      </c>
      <c r="K24" s="49">
        <v>639309</v>
      </c>
      <c r="L24" s="48">
        <v>1046</v>
      </c>
      <c r="M24" s="49">
        <v>75</v>
      </c>
      <c r="N24" s="66">
        <v>1121</v>
      </c>
    </row>
    <row r="25" spans="1:15" s="75" customFormat="1" ht="23.25" customHeight="1" x14ac:dyDescent="0.2">
      <c r="A25" s="61" t="s">
        <v>58</v>
      </c>
      <c r="B25" s="67" t="s">
        <v>26</v>
      </c>
      <c r="C25" s="49">
        <v>1197337</v>
      </c>
      <c r="D25" s="49">
        <v>69966</v>
      </c>
      <c r="E25" s="49">
        <v>1267303</v>
      </c>
      <c r="F25" s="49">
        <v>1778218</v>
      </c>
      <c r="G25" s="49">
        <v>132537</v>
      </c>
      <c r="H25" s="63">
        <v>1910755</v>
      </c>
      <c r="I25" s="64">
        <v>582420</v>
      </c>
      <c r="J25" s="65">
        <v>55350</v>
      </c>
      <c r="K25" s="49">
        <v>637770</v>
      </c>
      <c r="L25" s="48">
        <v>1046</v>
      </c>
      <c r="M25" s="49">
        <v>75</v>
      </c>
      <c r="N25" s="66">
        <v>1121</v>
      </c>
    </row>
    <row r="26" spans="1:15" s="75" customFormat="1" ht="23.25" customHeight="1" x14ac:dyDescent="0.2">
      <c r="A26" s="61" t="s">
        <v>59</v>
      </c>
      <c r="B26" s="67" t="s">
        <v>27</v>
      </c>
      <c r="C26" s="49">
        <v>1196331</v>
      </c>
      <c r="D26" s="49">
        <v>69859</v>
      </c>
      <c r="E26" s="49">
        <v>1266190</v>
      </c>
      <c r="F26" s="49">
        <v>1775329</v>
      </c>
      <c r="G26" s="49">
        <v>132414</v>
      </c>
      <c r="H26" s="63">
        <v>1907743</v>
      </c>
      <c r="I26" s="64">
        <v>580357</v>
      </c>
      <c r="J26" s="65">
        <v>55309</v>
      </c>
      <c r="K26" s="49">
        <v>635666</v>
      </c>
      <c r="L26" s="48">
        <v>1040</v>
      </c>
      <c r="M26" s="49">
        <v>74</v>
      </c>
      <c r="N26" s="66">
        <v>1114</v>
      </c>
    </row>
    <row r="27" spans="1:15" s="75" customFormat="1" ht="23.25" customHeight="1" x14ac:dyDescent="0.2">
      <c r="A27" s="61" t="s">
        <v>60</v>
      </c>
      <c r="B27" s="67" t="s">
        <v>28</v>
      </c>
      <c r="C27" s="49">
        <v>1194768</v>
      </c>
      <c r="D27" s="49">
        <v>69904</v>
      </c>
      <c r="E27" s="49">
        <v>1264672</v>
      </c>
      <c r="F27" s="49">
        <v>1771987</v>
      </c>
      <c r="G27" s="49">
        <v>132397</v>
      </c>
      <c r="H27" s="63">
        <v>1904384</v>
      </c>
      <c r="I27" s="64">
        <v>579372</v>
      </c>
      <c r="J27" s="65">
        <v>55327</v>
      </c>
      <c r="K27" s="49">
        <v>634699</v>
      </c>
      <c r="L27" s="48">
        <v>1047</v>
      </c>
      <c r="M27" s="49">
        <v>74</v>
      </c>
      <c r="N27" s="66">
        <v>1121</v>
      </c>
    </row>
    <row r="28" spans="1:15" s="75" customFormat="1" ht="23.25" customHeight="1" thickBot="1" x14ac:dyDescent="0.25">
      <c r="A28" s="68" t="s">
        <v>61</v>
      </c>
      <c r="B28" s="69" t="s">
        <v>29</v>
      </c>
      <c r="C28" s="55">
        <v>1192433</v>
      </c>
      <c r="D28" s="55">
        <v>69844</v>
      </c>
      <c r="E28" s="55">
        <v>1262277</v>
      </c>
      <c r="F28" s="55">
        <v>1767651</v>
      </c>
      <c r="G28" s="55">
        <v>132363</v>
      </c>
      <c r="H28" s="70">
        <v>1900014</v>
      </c>
      <c r="I28" s="71">
        <v>577570</v>
      </c>
      <c r="J28" s="72">
        <v>55317</v>
      </c>
      <c r="K28" s="55">
        <v>632887</v>
      </c>
      <c r="L28" s="54">
        <v>1029</v>
      </c>
      <c r="M28" s="55">
        <v>74</v>
      </c>
      <c r="N28" s="70">
        <v>1103</v>
      </c>
    </row>
    <row r="29" spans="1:15" s="75" customFormat="1" ht="15" customHeight="1" x14ac:dyDescent="0.2">
      <c r="A29" s="73" t="s">
        <v>38</v>
      </c>
      <c r="B29" s="73"/>
      <c r="C29" s="74"/>
      <c r="D29" s="74"/>
      <c r="E29" s="50"/>
      <c r="F29" s="50"/>
      <c r="G29" s="50"/>
      <c r="H29" s="50"/>
      <c r="I29" s="75" t="s">
        <v>32</v>
      </c>
    </row>
    <row r="30" spans="1:15" s="75" customFormat="1" ht="15" customHeight="1" x14ac:dyDescent="0.2">
      <c r="A30" s="75" t="s">
        <v>49</v>
      </c>
      <c r="I30" s="75" t="s">
        <v>17</v>
      </c>
    </row>
    <row r="31" spans="1:15" ht="15" customHeight="1" thickBot="1" x14ac:dyDescent="0.25">
      <c r="A31" s="76" t="s">
        <v>41</v>
      </c>
      <c r="B31" s="76"/>
      <c r="C31" s="75"/>
      <c r="D31" s="75"/>
      <c r="E31" s="75"/>
      <c r="F31" s="75"/>
      <c r="G31" s="75"/>
      <c r="H31" s="75"/>
      <c r="I31" s="75"/>
      <c r="J31" s="75"/>
      <c r="K31" s="75"/>
      <c r="L31" s="75"/>
      <c r="M31" s="75"/>
      <c r="N31" s="75"/>
    </row>
    <row r="32" spans="1:15" ht="15" customHeight="1" x14ac:dyDescent="0.2">
      <c r="A32" s="75"/>
      <c r="B32" s="75"/>
      <c r="C32" s="75"/>
      <c r="D32" s="75"/>
      <c r="E32" s="75"/>
      <c r="F32" s="75"/>
      <c r="G32" s="75"/>
      <c r="H32" s="73"/>
      <c r="I32" s="77" t="s">
        <v>47</v>
      </c>
      <c r="J32" s="43" t="s">
        <v>36</v>
      </c>
      <c r="K32" s="43" t="s">
        <v>43</v>
      </c>
      <c r="L32" s="44" t="s">
        <v>33</v>
      </c>
      <c r="M32" s="45" t="s">
        <v>39</v>
      </c>
      <c r="N32" s="78" t="s">
        <v>63</v>
      </c>
      <c r="O32" s="191"/>
    </row>
    <row r="33" spans="1:14" ht="15" customHeight="1" x14ac:dyDescent="0.2">
      <c r="A33" s="75" t="s">
        <v>14</v>
      </c>
      <c r="B33" s="75"/>
      <c r="C33" s="75"/>
      <c r="D33" s="75"/>
      <c r="E33" s="75"/>
      <c r="F33" s="75"/>
      <c r="G33" s="75"/>
      <c r="H33" s="75"/>
      <c r="I33" s="79" t="s">
        <v>3</v>
      </c>
      <c r="J33" s="48">
        <v>1375525</v>
      </c>
      <c r="K33" s="48">
        <v>1327569</v>
      </c>
      <c r="L33" s="49">
        <v>1290204</v>
      </c>
      <c r="M33" s="50">
        <v>1266385</v>
      </c>
      <c r="N33" s="63">
        <v>1261877</v>
      </c>
    </row>
    <row r="34" spans="1:14" ht="15" customHeight="1" thickBot="1" x14ac:dyDescent="0.25">
      <c r="A34" s="75"/>
      <c r="B34" s="75"/>
      <c r="C34" s="75"/>
      <c r="D34" s="75"/>
      <c r="E34" s="75"/>
      <c r="F34" s="75"/>
      <c r="G34" s="75"/>
      <c r="H34" s="75"/>
      <c r="I34" s="80" t="s">
        <v>9</v>
      </c>
      <c r="J34" s="51"/>
      <c r="K34" s="51"/>
      <c r="L34" s="52"/>
      <c r="M34" s="53"/>
      <c r="N34" s="81"/>
    </row>
    <row r="35" spans="1:14" ht="15" customHeight="1" x14ac:dyDescent="0.2">
      <c r="A35" s="260" t="s">
        <v>18</v>
      </c>
      <c r="B35" s="261"/>
      <c r="C35" s="43" t="s">
        <v>35</v>
      </c>
      <c r="D35" s="43" t="s">
        <v>36</v>
      </c>
      <c r="E35" s="43" t="s">
        <v>37</v>
      </c>
      <c r="F35" s="44" t="s">
        <v>33</v>
      </c>
      <c r="G35" s="45" t="s">
        <v>34</v>
      </c>
      <c r="H35" s="78" t="s">
        <v>50</v>
      </c>
      <c r="I35" s="79" t="s">
        <v>6</v>
      </c>
      <c r="J35" s="48">
        <v>2194244</v>
      </c>
      <c r="K35" s="48">
        <v>2078450</v>
      </c>
      <c r="L35" s="49">
        <v>1987115</v>
      </c>
      <c r="M35" s="50">
        <v>1921799</v>
      </c>
      <c r="N35" s="63">
        <v>1896955</v>
      </c>
    </row>
    <row r="36" spans="1:14" ht="15" customHeight="1" x14ac:dyDescent="0.2">
      <c r="A36" s="262" t="s">
        <v>19</v>
      </c>
      <c r="B36" s="263"/>
      <c r="C36" s="39">
        <v>9129317</v>
      </c>
      <c r="D36" s="40">
        <v>9144183</v>
      </c>
      <c r="E36" s="40">
        <v>9161113</v>
      </c>
      <c r="F36" s="41">
        <v>9180510</v>
      </c>
      <c r="G36" s="42">
        <v>9204965</v>
      </c>
      <c r="H36" s="82">
        <v>9232623</v>
      </c>
      <c r="I36" s="80" t="s">
        <v>10</v>
      </c>
      <c r="J36" s="51"/>
      <c r="K36" s="51"/>
      <c r="L36" s="52"/>
      <c r="M36" s="52"/>
      <c r="N36" s="83"/>
    </row>
    <row r="37" spans="1:14" ht="15" customHeight="1" x14ac:dyDescent="0.2">
      <c r="A37" s="84"/>
      <c r="B37" s="85"/>
      <c r="C37" s="5">
        <v>0.32288142717502577</v>
      </c>
      <c r="D37" s="5">
        <v>0.16283803049013112</v>
      </c>
      <c r="E37" s="5">
        <v>0.18514502607833716</v>
      </c>
      <c r="F37" s="5">
        <v>0.21173191510681644</v>
      </c>
      <c r="G37" s="5">
        <v>0.26637953664883085</v>
      </c>
      <c r="H37" s="6">
        <v>0.3004682798902536</v>
      </c>
      <c r="I37" s="86" t="s">
        <v>7</v>
      </c>
      <c r="J37" s="48">
        <v>1161</v>
      </c>
      <c r="K37" s="48">
        <v>1127</v>
      </c>
      <c r="L37" s="49">
        <v>1121</v>
      </c>
      <c r="M37" s="50">
        <v>1122</v>
      </c>
      <c r="N37" s="63">
        <v>1119</v>
      </c>
    </row>
    <row r="38" spans="1:14" ht="15" customHeight="1" x14ac:dyDescent="0.2">
      <c r="A38" s="262" t="s">
        <v>4</v>
      </c>
      <c r="B38" s="263"/>
      <c r="C38" s="46">
        <v>2331459</v>
      </c>
      <c r="D38" s="46">
        <v>2194244</v>
      </c>
      <c r="E38" s="46">
        <v>2078450</v>
      </c>
      <c r="F38" s="41">
        <v>1987115</v>
      </c>
      <c r="G38" s="42">
        <v>1921799</v>
      </c>
      <c r="H38" s="82">
        <v>1896955</v>
      </c>
      <c r="I38" s="80" t="s">
        <v>11</v>
      </c>
      <c r="J38" s="51"/>
      <c r="K38" s="51"/>
      <c r="L38" s="52"/>
      <c r="M38" s="53"/>
      <c r="N38" s="81"/>
    </row>
    <row r="39" spans="1:14" ht="15" customHeight="1" x14ac:dyDescent="0.2">
      <c r="A39" s="84"/>
      <c r="B39" s="85"/>
      <c r="C39" s="5">
        <v>-4.1002146728634781</v>
      </c>
      <c r="D39" s="5">
        <v>-5.8853704911817069</v>
      </c>
      <c r="E39" s="5">
        <v>-5.2771706337125686</v>
      </c>
      <c r="F39" s="5">
        <v>-4.3943804277225773</v>
      </c>
      <c r="G39" s="5">
        <v>-3.2869763451033318</v>
      </c>
      <c r="H39" s="90">
        <v>-1.2927470562738352</v>
      </c>
      <c r="I39" s="79" t="s">
        <v>16</v>
      </c>
      <c r="J39" s="48">
        <v>1185</v>
      </c>
      <c r="K39" s="48">
        <v>1178</v>
      </c>
      <c r="L39" s="49">
        <v>1151</v>
      </c>
      <c r="M39" s="50">
        <v>1129</v>
      </c>
      <c r="N39" s="63">
        <v>1128</v>
      </c>
    </row>
    <row r="40" spans="1:14" ht="15" customHeight="1" thickBot="1" x14ac:dyDescent="0.25">
      <c r="A40" s="265" t="s">
        <v>5</v>
      </c>
      <c r="B40" s="266"/>
      <c r="C40" s="47">
        <v>25.54</v>
      </c>
      <c r="D40" s="47">
        <v>24</v>
      </c>
      <c r="E40" s="88">
        <v>22.69</v>
      </c>
      <c r="F40" s="89">
        <v>21.64</v>
      </c>
      <c r="G40" s="89">
        <v>20.88</v>
      </c>
      <c r="H40" s="91">
        <v>20.55</v>
      </c>
      <c r="I40" s="80" t="s">
        <v>48</v>
      </c>
      <c r="J40" s="51"/>
      <c r="K40" s="51"/>
      <c r="L40" s="52"/>
      <c r="M40" s="53"/>
      <c r="N40" s="81"/>
    </row>
    <row r="41" spans="1:14" ht="15" customHeight="1" x14ac:dyDescent="0.2">
      <c r="A41" s="75" t="s">
        <v>40</v>
      </c>
      <c r="B41" s="75"/>
      <c r="C41" s="75"/>
      <c r="D41" s="75"/>
      <c r="E41" s="75"/>
      <c r="F41" s="75"/>
      <c r="G41" s="75"/>
      <c r="H41" s="75"/>
      <c r="I41" s="79" t="s">
        <v>31</v>
      </c>
      <c r="J41" s="48">
        <v>1890</v>
      </c>
      <c r="K41" s="48">
        <v>1844</v>
      </c>
      <c r="L41" s="49">
        <v>1773</v>
      </c>
      <c r="M41" s="50">
        <v>1713</v>
      </c>
      <c r="N41" s="63">
        <v>1695</v>
      </c>
    </row>
    <row r="42" spans="1:14" ht="15" customHeight="1" thickBot="1" x14ac:dyDescent="0.25">
      <c r="A42" s="264" t="s">
        <v>65</v>
      </c>
      <c r="B42" s="264"/>
      <c r="C42" s="264"/>
      <c r="D42" s="264"/>
      <c r="E42" s="264"/>
      <c r="F42" s="264"/>
      <c r="G42" s="264"/>
      <c r="H42" s="264"/>
      <c r="I42" s="87" t="s">
        <v>12</v>
      </c>
      <c r="J42" s="54"/>
      <c r="K42" s="54"/>
      <c r="L42" s="55"/>
      <c r="M42" s="56"/>
      <c r="N42" s="70"/>
    </row>
    <row r="43" spans="1:14" ht="15" customHeight="1" x14ac:dyDescent="0.2">
      <c r="A43" s="249" t="s">
        <v>64</v>
      </c>
      <c r="B43" s="250"/>
      <c r="C43" s="250"/>
      <c r="D43" s="250"/>
      <c r="E43" s="250"/>
      <c r="F43" s="250"/>
      <c r="G43" s="250"/>
      <c r="H43" s="250"/>
    </row>
  </sheetData>
  <mergeCells count="12">
    <mergeCell ref="A43:H43"/>
    <mergeCell ref="M2:N2"/>
    <mergeCell ref="I3:K3"/>
    <mergeCell ref="L3:N3"/>
    <mergeCell ref="F3:H3"/>
    <mergeCell ref="A35:B35"/>
    <mergeCell ref="A36:B36"/>
    <mergeCell ref="A42:H42"/>
    <mergeCell ref="A40:B40"/>
    <mergeCell ref="C3:E3"/>
    <mergeCell ref="A3:B4"/>
    <mergeCell ref="A38:B38"/>
  </mergeCells>
  <phoneticPr fontId="2"/>
  <pageMargins left="0.78740157480314965" right="0.39370078740157483" top="0.59055118110236227" bottom="0.59055118110236227" header="0.31496062992125984" footer="0.31496062992125984"/>
  <pageSetup paperSize="9" scale="97" fitToWidth="0" orientation="portrait" blackAndWhite="1" r:id="rId1"/>
  <headerFooter alignWithMargins="0"/>
  <colBreaks count="1" manualBreakCount="1">
    <brk id="8" max="66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50"/>
  <sheetViews>
    <sheetView zoomScaleNormal="100" zoomScaleSheetLayoutView="100" workbookViewId="0">
      <pane ySplit="5" topLeftCell="A6" activePane="bottomLeft" state="frozen"/>
      <selection activeCell="C1" sqref="C1:D1048576"/>
      <selection pane="bottomLeft"/>
    </sheetView>
  </sheetViews>
  <sheetFormatPr defaultColWidth="9" defaultRowHeight="12" x14ac:dyDescent="0.15"/>
  <cols>
    <col min="1" max="1" width="3.88671875" style="214" customWidth="1"/>
    <col min="2" max="2" width="9.33203125" style="214" customWidth="1"/>
    <col min="3" max="3" width="7.33203125" style="215" customWidth="1"/>
    <col min="4" max="4" width="7.77734375" style="215" customWidth="1"/>
    <col min="5" max="7" width="6.88671875" style="215" customWidth="1"/>
    <col min="8" max="8" width="7.33203125" style="215" customWidth="1"/>
    <col min="9" max="9" width="8.6640625" style="215" customWidth="1"/>
    <col min="10" max="10" width="7.33203125" style="215" customWidth="1"/>
    <col min="11" max="11" width="7.77734375" style="215" customWidth="1"/>
    <col min="12" max="12" width="6.88671875" style="215" customWidth="1"/>
    <col min="13" max="15" width="7.33203125" style="215" customWidth="1"/>
    <col min="16" max="16" width="7.77734375" style="215" customWidth="1"/>
    <col min="17" max="17" width="9" style="215" customWidth="1"/>
    <col min="18" max="16384" width="9" style="214"/>
  </cols>
  <sheetData>
    <row r="1" spans="1:17" s="132" customFormat="1" ht="18" customHeight="1" x14ac:dyDescent="0.2">
      <c r="A1" s="192" t="s">
        <v>216</v>
      </c>
      <c r="B1" s="193"/>
      <c r="C1" s="194"/>
      <c r="E1" s="195"/>
      <c r="F1" s="194"/>
      <c r="G1" s="194"/>
      <c r="H1" s="133"/>
      <c r="I1" s="133"/>
      <c r="J1" s="133"/>
      <c r="K1" s="133"/>
      <c r="L1" s="133"/>
      <c r="M1" s="133"/>
      <c r="N1" s="133"/>
      <c r="O1" s="133"/>
      <c r="Q1" s="196"/>
    </row>
    <row r="2" spans="1:17" s="132" customFormat="1" ht="12.6" thickBot="1" x14ac:dyDescent="0.25">
      <c r="A2" s="193"/>
      <c r="B2" s="193"/>
      <c r="C2" s="194"/>
      <c r="E2" s="195"/>
      <c r="F2" s="194"/>
      <c r="G2" s="194"/>
      <c r="H2" s="133"/>
      <c r="I2" s="133"/>
      <c r="J2" s="133"/>
      <c r="K2" s="133"/>
      <c r="L2" s="133"/>
      <c r="M2" s="133"/>
      <c r="N2" s="133"/>
      <c r="O2" s="133"/>
      <c r="Q2" s="196" t="s">
        <v>215</v>
      </c>
    </row>
    <row r="3" spans="1:17" s="132" customFormat="1" ht="12" customHeight="1" x14ac:dyDescent="0.2">
      <c r="A3" s="279" t="s">
        <v>148</v>
      </c>
      <c r="B3" s="280"/>
      <c r="C3" s="285" t="s">
        <v>214</v>
      </c>
      <c r="D3" s="286"/>
      <c r="E3" s="286"/>
      <c r="F3" s="286"/>
      <c r="G3" s="286"/>
      <c r="H3" s="286"/>
      <c r="I3" s="287"/>
      <c r="J3" s="291" t="s">
        <v>213</v>
      </c>
      <c r="K3" s="286"/>
      <c r="L3" s="286"/>
      <c r="M3" s="286"/>
      <c r="N3" s="286"/>
      <c r="O3" s="286"/>
      <c r="P3" s="287"/>
      <c r="Q3" s="276" t="s">
        <v>212</v>
      </c>
    </row>
    <row r="4" spans="1:17" s="132" customFormat="1" ht="12" customHeight="1" x14ac:dyDescent="0.2">
      <c r="A4" s="281"/>
      <c r="B4" s="282"/>
      <c r="C4" s="288"/>
      <c r="D4" s="289"/>
      <c r="E4" s="289"/>
      <c r="F4" s="289"/>
      <c r="G4" s="289"/>
      <c r="H4" s="289"/>
      <c r="I4" s="290"/>
      <c r="J4" s="292"/>
      <c r="K4" s="289"/>
      <c r="L4" s="289"/>
      <c r="M4" s="289"/>
      <c r="N4" s="289"/>
      <c r="O4" s="289"/>
      <c r="P4" s="290"/>
      <c r="Q4" s="277"/>
    </row>
    <row r="5" spans="1:17" s="132" customFormat="1" ht="25.5" customHeight="1" thickBot="1" x14ac:dyDescent="0.25">
      <c r="A5" s="283"/>
      <c r="B5" s="284"/>
      <c r="C5" s="129" t="s">
        <v>211</v>
      </c>
      <c r="D5" s="130" t="s">
        <v>210</v>
      </c>
      <c r="E5" s="130" t="s">
        <v>209</v>
      </c>
      <c r="F5" s="129" t="s">
        <v>208</v>
      </c>
      <c r="G5" s="129" t="s">
        <v>207</v>
      </c>
      <c r="H5" s="129" t="s">
        <v>201</v>
      </c>
      <c r="I5" s="129" t="s">
        <v>200</v>
      </c>
      <c r="J5" s="131" t="s">
        <v>206</v>
      </c>
      <c r="K5" s="130" t="s">
        <v>205</v>
      </c>
      <c r="L5" s="130" t="s">
        <v>204</v>
      </c>
      <c r="M5" s="129" t="s">
        <v>203</v>
      </c>
      <c r="N5" s="129" t="s">
        <v>202</v>
      </c>
      <c r="O5" s="129" t="s">
        <v>201</v>
      </c>
      <c r="P5" s="128" t="s">
        <v>200</v>
      </c>
      <c r="Q5" s="278"/>
    </row>
    <row r="6" spans="1:17" s="132" customFormat="1" ht="21.9" customHeight="1" thickTop="1" x14ac:dyDescent="0.2">
      <c r="A6" s="197">
        <v>1</v>
      </c>
      <c r="B6" s="198" t="s">
        <v>199</v>
      </c>
      <c r="C6" s="127">
        <v>23668</v>
      </c>
      <c r="D6" s="127">
        <v>96831</v>
      </c>
      <c r="E6" s="127">
        <v>2169</v>
      </c>
      <c r="F6" s="127">
        <v>1871</v>
      </c>
      <c r="G6" s="127">
        <v>0</v>
      </c>
      <c r="H6" s="127">
        <v>19302</v>
      </c>
      <c r="I6" s="114">
        <v>143841</v>
      </c>
      <c r="J6" s="126">
        <v>22337</v>
      </c>
      <c r="K6" s="114">
        <v>73225</v>
      </c>
      <c r="L6" s="114">
        <v>4432</v>
      </c>
      <c r="M6" s="114">
        <v>4358</v>
      </c>
      <c r="N6" s="114">
        <v>26708</v>
      </c>
      <c r="O6" s="114">
        <v>9151</v>
      </c>
      <c r="P6" s="125">
        <v>140211</v>
      </c>
      <c r="Q6" s="199">
        <v>3630</v>
      </c>
    </row>
    <row r="7" spans="1:17" s="132" customFormat="1" ht="21.9" customHeight="1" x14ac:dyDescent="0.2">
      <c r="A7" s="197">
        <v>2</v>
      </c>
      <c r="B7" s="198" t="s">
        <v>198</v>
      </c>
      <c r="C7" s="114">
        <v>15102</v>
      </c>
      <c r="D7" s="114">
        <v>42016</v>
      </c>
      <c r="E7" s="114">
        <v>897</v>
      </c>
      <c r="F7" s="114">
        <v>900</v>
      </c>
      <c r="G7" s="114">
        <v>3</v>
      </c>
      <c r="H7" s="114">
        <v>4573</v>
      </c>
      <c r="I7" s="114">
        <v>63491</v>
      </c>
      <c r="J7" s="115">
        <v>14552</v>
      </c>
      <c r="K7" s="114">
        <v>36106</v>
      </c>
      <c r="L7" s="114">
        <v>1682</v>
      </c>
      <c r="M7" s="114">
        <v>1687</v>
      </c>
      <c r="N7" s="114">
        <v>7743</v>
      </c>
      <c r="O7" s="114">
        <v>5179</v>
      </c>
      <c r="P7" s="113">
        <v>66949</v>
      </c>
      <c r="Q7" s="199">
        <v>-3458</v>
      </c>
    </row>
    <row r="8" spans="1:17" s="132" customFormat="1" ht="21.9" customHeight="1" x14ac:dyDescent="0.2">
      <c r="A8" s="197">
        <v>3</v>
      </c>
      <c r="B8" s="198" t="s">
        <v>197</v>
      </c>
      <c r="C8" s="114">
        <v>2460</v>
      </c>
      <c r="D8" s="114">
        <v>10857</v>
      </c>
      <c r="E8" s="114">
        <v>203</v>
      </c>
      <c r="F8" s="114">
        <v>253</v>
      </c>
      <c r="G8" s="114">
        <v>64</v>
      </c>
      <c r="H8" s="114">
        <v>560</v>
      </c>
      <c r="I8" s="114">
        <v>14397</v>
      </c>
      <c r="J8" s="115">
        <v>2305</v>
      </c>
      <c r="K8" s="114">
        <v>8319</v>
      </c>
      <c r="L8" s="114">
        <v>513</v>
      </c>
      <c r="M8" s="114">
        <v>719</v>
      </c>
      <c r="N8" s="114">
        <v>3586</v>
      </c>
      <c r="O8" s="114">
        <v>934</v>
      </c>
      <c r="P8" s="113">
        <v>16376</v>
      </c>
      <c r="Q8" s="199">
        <v>-1979</v>
      </c>
    </row>
    <row r="9" spans="1:17" s="132" customFormat="1" ht="21.9" customHeight="1" x14ac:dyDescent="0.2">
      <c r="A9" s="197">
        <v>4</v>
      </c>
      <c r="B9" s="198" t="s">
        <v>196</v>
      </c>
      <c r="C9" s="114">
        <v>1899</v>
      </c>
      <c r="D9" s="114">
        <v>7534</v>
      </c>
      <c r="E9" s="114">
        <v>184</v>
      </c>
      <c r="F9" s="114">
        <v>160</v>
      </c>
      <c r="G9" s="114">
        <v>1</v>
      </c>
      <c r="H9" s="114">
        <v>243</v>
      </c>
      <c r="I9" s="114">
        <v>10021</v>
      </c>
      <c r="J9" s="115">
        <v>1662</v>
      </c>
      <c r="K9" s="114">
        <v>6054</v>
      </c>
      <c r="L9" s="114">
        <v>344</v>
      </c>
      <c r="M9" s="114">
        <v>399</v>
      </c>
      <c r="N9" s="114">
        <v>2118</v>
      </c>
      <c r="O9" s="114">
        <v>429</v>
      </c>
      <c r="P9" s="113">
        <v>11006</v>
      </c>
      <c r="Q9" s="199">
        <v>-985</v>
      </c>
    </row>
    <row r="10" spans="1:17" s="132" customFormat="1" ht="21.9" customHeight="1" x14ac:dyDescent="0.2">
      <c r="A10" s="197">
        <v>5</v>
      </c>
      <c r="B10" s="198" t="s">
        <v>195</v>
      </c>
      <c r="C10" s="114">
        <v>1384</v>
      </c>
      <c r="D10" s="114">
        <v>4648</v>
      </c>
      <c r="E10" s="114">
        <v>33</v>
      </c>
      <c r="F10" s="114">
        <v>91</v>
      </c>
      <c r="G10" s="114">
        <v>2</v>
      </c>
      <c r="H10" s="114">
        <v>562</v>
      </c>
      <c r="I10" s="114">
        <v>6720</v>
      </c>
      <c r="J10" s="115">
        <v>1236</v>
      </c>
      <c r="K10" s="114">
        <v>3492</v>
      </c>
      <c r="L10" s="114">
        <v>82</v>
      </c>
      <c r="M10" s="114">
        <v>225</v>
      </c>
      <c r="N10" s="114">
        <v>1510</v>
      </c>
      <c r="O10" s="114">
        <v>602</v>
      </c>
      <c r="P10" s="113">
        <v>7147</v>
      </c>
      <c r="Q10" s="199">
        <v>-427</v>
      </c>
    </row>
    <row r="11" spans="1:17" s="132" customFormat="1" ht="21.9" customHeight="1" x14ac:dyDescent="0.2">
      <c r="A11" s="197">
        <v>6</v>
      </c>
      <c r="B11" s="198" t="s">
        <v>194</v>
      </c>
      <c r="C11" s="114">
        <v>3598</v>
      </c>
      <c r="D11" s="114">
        <v>11969</v>
      </c>
      <c r="E11" s="114">
        <v>226</v>
      </c>
      <c r="F11" s="114">
        <v>236</v>
      </c>
      <c r="G11" s="114">
        <v>61</v>
      </c>
      <c r="H11" s="114">
        <v>1467</v>
      </c>
      <c r="I11" s="114">
        <v>17557</v>
      </c>
      <c r="J11" s="115">
        <v>2889</v>
      </c>
      <c r="K11" s="114">
        <v>9093</v>
      </c>
      <c r="L11" s="114">
        <v>426</v>
      </c>
      <c r="M11" s="114">
        <v>516</v>
      </c>
      <c r="N11" s="114">
        <v>3076</v>
      </c>
      <c r="O11" s="114">
        <v>1882</v>
      </c>
      <c r="P11" s="113">
        <v>17882</v>
      </c>
      <c r="Q11" s="199">
        <v>-325</v>
      </c>
    </row>
    <row r="12" spans="1:17" s="132" customFormat="1" ht="21.9" customHeight="1" x14ac:dyDescent="0.2">
      <c r="A12" s="197">
        <v>7</v>
      </c>
      <c r="B12" s="198" t="s">
        <v>193</v>
      </c>
      <c r="C12" s="114">
        <v>1339</v>
      </c>
      <c r="D12" s="114">
        <v>5395</v>
      </c>
      <c r="E12" s="114">
        <v>140</v>
      </c>
      <c r="F12" s="114">
        <v>104</v>
      </c>
      <c r="G12" s="114">
        <v>2</v>
      </c>
      <c r="H12" s="114">
        <v>474</v>
      </c>
      <c r="I12" s="114">
        <v>7454</v>
      </c>
      <c r="J12" s="115">
        <v>1208</v>
      </c>
      <c r="K12" s="114">
        <v>4276</v>
      </c>
      <c r="L12" s="114">
        <v>298</v>
      </c>
      <c r="M12" s="114">
        <v>328</v>
      </c>
      <c r="N12" s="114">
        <v>1520</v>
      </c>
      <c r="O12" s="114">
        <v>393</v>
      </c>
      <c r="P12" s="113">
        <v>8023</v>
      </c>
      <c r="Q12" s="199">
        <v>-569</v>
      </c>
    </row>
    <row r="13" spans="1:17" s="132" customFormat="1" ht="21.9" customHeight="1" x14ac:dyDescent="0.2">
      <c r="A13" s="197">
        <v>8</v>
      </c>
      <c r="B13" s="198" t="s">
        <v>192</v>
      </c>
      <c r="C13" s="114">
        <v>1827</v>
      </c>
      <c r="D13" s="114">
        <v>7247</v>
      </c>
      <c r="E13" s="114">
        <v>54</v>
      </c>
      <c r="F13" s="114">
        <v>154</v>
      </c>
      <c r="G13" s="114">
        <v>0</v>
      </c>
      <c r="H13" s="114">
        <v>510</v>
      </c>
      <c r="I13" s="114">
        <v>9792</v>
      </c>
      <c r="J13" s="115">
        <v>1515</v>
      </c>
      <c r="K13" s="114">
        <v>5780</v>
      </c>
      <c r="L13" s="114">
        <v>144</v>
      </c>
      <c r="M13" s="114">
        <v>343</v>
      </c>
      <c r="N13" s="114">
        <v>1899</v>
      </c>
      <c r="O13" s="114">
        <v>772</v>
      </c>
      <c r="P13" s="113">
        <v>10453</v>
      </c>
      <c r="Q13" s="199">
        <v>-661</v>
      </c>
    </row>
    <row r="14" spans="1:17" s="132" customFormat="1" ht="21.9" customHeight="1" x14ac:dyDescent="0.2">
      <c r="A14" s="197">
        <v>9</v>
      </c>
      <c r="B14" s="198" t="s">
        <v>191</v>
      </c>
      <c r="C14" s="114">
        <v>515</v>
      </c>
      <c r="D14" s="114">
        <v>1549</v>
      </c>
      <c r="E14" s="114">
        <v>11</v>
      </c>
      <c r="F14" s="114">
        <v>44</v>
      </c>
      <c r="G14" s="114">
        <v>0</v>
      </c>
      <c r="H14" s="114">
        <v>130</v>
      </c>
      <c r="I14" s="114">
        <v>2249</v>
      </c>
      <c r="J14" s="115">
        <v>419</v>
      </c>
      <c r="K14" s="114">
        <v>1169</v>
      </c>
      <c r="L14" s="114">
        <v>27</v>
      </c>
      <c r="M14" s="114">
        <v>58</v>
      </c>
      <c r="N14" s="114">
        <v>515</v>
      </c>
      <c r="O14" s="114">
        <v>190</v>
      </c>
      <c r="P14" s="113">
        <v>2378</v>
      </c>
      <c r="Q14" s="199">
        <v>-129</v>
      </c>
    </row>
    <row r="15" spans="1:17" s="132" customFormat="1" ht="21.9" customHeight="1" x14ac:dyDescent="0.2">
      <c r="A15" s="197">
        <v>10</v>
      </c>
      <c r="B15" s="198" t="s">
        <v>190</v>
      </c>
      <c r="C15" s="114">
        <v>5365</v>
      </c>
      <c r="D15" s="114">
        <v>22538</v>
      </c>
      <c r="E15" s="114">
        <v>641</v>
      </c>
      <c r="F15" s="114">
        <v>512</v>
      </c>
      <c r="G15" s="114">
        <v>1</v>
      </c>
      <c r="H15" s="114">
        <v>2854</v>
      </c>
      <c r="I15" s="114">
        <v>31911</v>
      </c>
      <c r="J15" s="115">
        <v>5600</v>
      </c>
      <c r="K15" s="114">
        <v>18675</v>
      </c>
      <c r="L15" s="114">
        <v>1099</v>
      </c>
      <c r="M15" s="114">
        <v>1046</v>
      </c>
      <c r="N15" s="114">
        <v>5382</v>
      </c>
      <c r="O15" s="114">
        <v>2560</v>
      </c>
      <c r="P15" s="113">
        <v>34362</v>
      </c>
      <c r="Q15" s="199">
        <v>-2451</v>
      </c>
    </row>
    <row r="16" spans="1:17" s="132" customFormat="1" ht="21.9" customHeight="1" x14ac:dyDescent="0.2">
      <c r="A16" s="197">
        <v>11</v>
      </c>
      <c r="B16" s="198" t="s">
        <v>189</v>
      </c>
      <c r="C16" s="114">
        <v>345</v>
      </c>
      <c r="D16" s="114">
        <v>1125</v>
      </c>
      <c r="E16" s="114">
        <v>24</v>
      </c>
      <c r="F16" s="114">
        <v>31</v>
      </c>
      <c r="G16" s="114">
        <v>2</v>
      </c>
      <c r="H16" s="114">
        <v>138</v>
      </c>
      <c r="I16" s="114">
        <v>1665</v>
      </c>
      <c r="J16" s="115">
        <v>280</v>
      </c>
      <c r="K16" s="114">
        <v>847</v>
      </c>
      <c r="L16" s="114">
        <v>55</v>
      </c>
      <c r="M16" s="114">
        <v>85</v>
      </c>
      <c r="N16" s="114">
        <v>419</v>
      </c>
      <c r="O16" s="114">
        <v>194</v>
      </c>
      <c r="P16" s="113">
        <v>1880</v>
      </c>
      <c r="Q16" s="199">
        <v>-215</v>
      </c>
    </row>
    <row r="17" spans="1:17" s="132" customFormat="1" ht="21.9" customHeight="1" x14ac:dyDescent="0.2">
      <c r="A17" s="197">
        <v>12</v>
      </c>
      <c r="B17" s="198" t="s">
        <v>188</v>
      </c>
      <c r="C17" s="114">
        <v>1101</v>
      </c>
      <c r="D17" s="114">
        <v>4981</v>
      </c>
      <c r="E17" s="114">
        <v>82</v>
      </c>
      <c r="F17" s="114">
        <v>78</v>
      </c>
      <c r="G17" s="114">
        <v>2</v>
      </c>
      <c r="H17" s="114">
        <v>316</v>
      </c>
      <c r="I17" s="114">
        <v>6560</v>
      </c>
      <c r="J17" s="115">
        <v>1183</v>
      </c>
      <c r="K17" s="114">
        <v>3658</v>
      </c>
      <c r="L17" s="114">
        <v>150</v>
      </c>
      <c r="M17" s="114">
        <v>255</v>
      </c>
      <c r="N17" s="114">
        <v>1527</v>
      </c>
      <c r="O17" s="114">
        <v>261</v>
      </c>
      <c r="P17" s="113">
        <v>7034</v>
      </c>
      <c r="Q17" s="199">
        <v>-474</v>
      </c>
    </row>
    <row r="18" spans="1:17" s="132" customFormat="1" ht="21.9" customHeight="1" x14ac:dyDescent="0.2">
      <c r="A18" s="197">
        <v>13</v>
      </c>
      <c r="B18" s="198" t="s">
        <v>187</v>
      </c>
      <c r="C18" s="114">
        <v>1822</v>
      </c>
      <c r="D18" s="114">
        <v>6834</v>
      </c>
      <c r="E18" s="114">
        <v>97</v>
      </c>
      <c r="F18" s="114">
        <v>191</v>
      </c>
      <c r="G18" s="114">
        <v>0</v>
      </c>
      <c r="H18" s="114">
        <v>840</v>
      </c>
      <c r="I18" s="114">
        <v>9784</v>
      </c>
      <c r="J18" s="115">
        <v>1450</v>
      </c>
      <c r="K18" s="114">
        <v>5704</v>
      </c>
      <c r="L18" s="114">
        <v>254</v>
      </c>
      <c r="M18" s="114">
        <v>342</v>
      </c>
      <c r="N18" s="114">
        <v>1806</v>
      </c>
      <c r="O18" s="114">
        <v>1077</v>
      </c>
      <c r="P18" s="113">
        <v>10633</v>
      </c>
      <c r="Q18" s="199">
        <v>-849</v>
      </c>
    </row>
    <row r="19" spans="1:17" s="132" customFormat="1" ht="21.9" customHeight="1" x14ac:dyDescent="0.2">
      <c r="A19" s="197">
        <v>14</v>
      </c>
      <c r="B19" s="198" t="s">
        <v>186</v>
      </c>
      <c r="C19" s="114">
        <v>2140</v>
      </c>
      <c r="D19" s="114">
        <v>7525</v>
      </c>
      <c r="E19" s="114">
        <v>179</v>
      </c>
      <c r="F19" s="114">
        <v>169</v>
      </c>
      <c r="G19" s="114">
        <v>1</v>
      </c>
      <c r="H19" s="114">
        <v>982</v>
      </c>
      <c r="I19" s="114">
        <v>10996</v>
      </c>
      <c r="J19" s="115">
        <v>1812</v>
      </c>
      <c r="K19" s="114">
        <v>6271</v>
      </c>
      <c r="L19" s="114">
        <v>307</v>
      </c>
      <c r="M19" s="114">
        <v>347</v>
      </c>
      <c r="N19" s="114">
        <v>1686</v>
      </c>
      <c r="O19" s="114">
        <v>1048</v>
      </c>
      <c r="P19" s="113">
        <v>11471</v>
      </c>
      <c r="Q19" s="199">
        <v>-475</v>
      </c>
    </row>
    <row r="20" spans="1:17" s="132" customFormat="1" ht="21.9" customHeight="1" x14ac:dyDescent="0.2">
      <c r="A20" s="197">
        <v>15</v>
      </c>
      <c r="B20" s="198" t="s">
        <v>185</v>
      </c>
      <c r="C20" s="114">
        <v>699</v>
      </c>
      <c r="D20" s="114">
        <v>2913</v>
      </c>
      <c r="E20" s="114">
        <v>43</v>
      </c>
      <c r="F20" s="114">
        <v>63</v>
      </c>
      <c r="G20" s="114">
        <v>1</v>
      </c>
      <c r="H20" s="114">
        <v>160</v>
      </c>
      <c r="I20" s="114">
        <v>3879</v>
      </c>
      <c r="J20" s="115">
        <v>660</v>
      </c>
      <c r="K20" s="114">
        <v>2336</v>
      </c>
      <c r="L20" s="114">
        <v>112</v>
      </c>
      <c r="M20" s="114">
        <v>148</v>
      </c>
      <c r="N20" s="114">
        <v>806</v>
      </c>
      <c r="O20" s="114">
        <v>218</v>
      </c>
      <c r="P20" s="113">
        <v>4280</v>
      </c>
      <c r="Q20" s="199">
        <v>-401</v>
      </c>
    </row>
    <row r="21" spans="1:17" s="132" customFormat="1" ht="21.9" customHeight="1" x14ac:dyDescent="0.2">
      <c r="A21" s="197">
        <v>16</v>
      </c>
      <c r="B21" s="198" t="s">
        <v>184</v>
      </c>
      <c r="C21" s="114">
        <v>1195</v>
      </c>
      <c r="D21" s="114">
        <v>3795</v>
      </c>
      <c r="E21" s="114">
        <v>52</v>
      </c>
      <c r="F21" s="114">
        <v>81</v>
      </c>
      <c r="G21" s="114">
        <v>1</v>
      </c>
      <c r="H21" s="114">
        <v>79</v>
      </c>
      <c r="I21" s="114">
        <v>5203</v>
      </c>
      <c r="J21" s="115">
        <v>972</v>
      </c>
      <c r="K21" s="114">
        <v>2974</v>
      </c>
      <c r="L21" s="114">
        <v>76</v>
      </c>
      <c r="M21" s="114">
        <v>184</v>
      </c>
      <c r="N21" s="114">
        <v>1002</v>
      </c>
      <c r="O21" s="114">
        <v>188</v>
      </c>
      <c r="P21" s="113">
        <v>5396</v>
      </c>
      <c r="Q21" s="199">
        <v>-193</v>
      </c>
    </row>
    <row r="22" spans="1:17" s="132" customFormat="1" ht="21.9" customHeight="1" x14ac:dyDescent="0.2">
      <c r="A22" s="197">
        <v>17</v>
      </c>
      <c r="B22" s="198" t="s">
        <v>183</v>
      </c>
      <c r="C22" s="114">
        <v>1115</v>
      </c>
      <c r="D22" s="114">
        <v>4398</v>
      </c>
      <c r="E22" s="114">
        <v>116</v>
      </c>
      <c r="F22" s="114">
        <v>86</v>
      </c>
      <c r="G22" s="114">
        <v>0</v>
      </c>
      <c r="H22" s="114">
        <v>531</v>
      </c>
      <c r="I22" s="114">
        <v>6246</v>
      </c>
      <c r="J22" s="115">
        <v>1189</v>
      </c>
      <c r="K22" s="114">
        <v>3834</v>
      </c>
      <c r="L22" s="114">
        <v>259</v>
      </c>
      <c r="M22" s="114">
        <v>203</v>
      </c>
      <c r="N22" s="114">
        <v>953</v>
      </c>
      <c r="O22" s="114">
        <v>368</v>
      </c>
      <c r="P22" s="113">
        <v>6806</v>
      </c>
      <c r="Q22" s="199">
        <v>-560</v>
      </c>
    </row>
    <row r="23" spans="1:17" s="132" customFormat="1" ht="21.9" customHeight="1" x14ac:dyDescent="0.2">
      <c r="A23" s="200">
        <v>18</v>
      </c>
      <c r="B23" s="201" t="s">
        <v>182</v>
      </c>
      <c r="C23" s="123">
        <v>233</v>
      </c>
      <c r="D23" s="123">
        <v>1318</v>
      </c>
      <c r="E23" s="123">
        <v>7</v>
      </c>
      <c r="F23" s="123">
        <v>13</v>
      </c>
      <c r="G23" s="123">
        <v>0</v>
      </c>
      <c r="H23" s="123">
        <v>174</v>
      </c>
      <c r="I23" s="123">
        <v>1745</v>
      </c>
      <c r="J23" s="124">
        <v>336</v>
      </c>
      <c r="K23" s="123">
        <v>993</v>
      </c>
      <c r="L23" s="123">
        <v>21</v>
      </c>
      <c r="M23" s="123">
        <v>66</v>
      </c>
      <c r="N23" s="123">
        <v>353</v>
      </c>
      <c r="O23" s="123">
        <v>155</v>
      </c>
      <c r="P23" s="122">
        <v>1924</v>
      </c>
      <c r="Q23" s="202">
        <v>-179</v>
      </c>
    </row>
    <row r="24" spans="1:17" s="132" customFormat="1" ht="21.9" customHeight="1" x14ac:dyDescent="0.2">
      <c r="A24" s="200">
        <v>19</v>
      </c>
      <c r="B24" s="203" t="s">
        <v>181</v>
      </c>
      <c r="C24" s="120">
        <v>352</v>
      </c>
      <c r="D24" s="120">
        <v>850</v>
      </c>
      <c r="E24" s="120">
        <v>0</v>
      </c>
      <c r="F24" s="120">
        <v>22</v>
      </c>
      <c r="G24" s="120">
        <v>0</v>
      </c>
      <c r="H24" s="120">
        <v>32</v>
      </c>
      <c r="I24" s="120">
        <v>1256</v>
      </c>
      <c r="J24" s="121">
        <v>258</v>
      </c>
      <c r="K24" s="120">
        <v>594</v>
      </c>
      <c r="L24" s="120">
        <v>5</v>
      </c>
      <c r="M24" s="120">
        <v>46</v>
      </c>
      <c r="N24" s="120">
        <v>313</v>
      </c>
      <c r="O24" s="120">
        <v>43</v>
      </c>
      <c r="P24" s="119">
        <v>1259</v>
      </c>
      <c r="Q24" s="204">
        <v>-3</v>
      </c>
    </row>
    <row r="25" spans="1:17" s="132" customFormat="1" ht="21.9" customHeight="1" x14ac:dyDescent="0.2">
      <c r="A25" s="200">
        <v>20</v>
      </c>
      <c r="B25" s="203" t="s">
        <v>180</v>
      </c>
      <c r="C25" s="120">
        <v>447</v>
      </c>
      <c r="D25" s="120">
        <v>1420</v>
      </c>
      <c r="E25" s="120">
        <v>16</v>
      </c>
      <c r="F25" s="120">
        <v>39</v>
      </c>
      <c r="G25" s="120">
        <v>0</v>
      </c>
      <c r="H25" s="120">
        <v>104</v>
      </c>
      <c r="I25" s="120">
        <v>2026</v>
      </c>
      <c r="J25" s="121">
        <v>306</v>
      </c>
      <c r="K25" s="120">
        <v>1086</v>
      </c>
      <c r="L25" s="120">
        <v>48</v>
      </c>
      <c r="M25" s="120">
        <v>82</v>
      </c>
      <c r="N25" s="120">
        <v>396</v>
      </c>
      <c r="O25" s="120">
        <v>224</v>
      </c>
      <c r="P25" s="119">
        <v>2142</v>
      </c>
      <c r="Q25" s="204">
        <v>-116</v>
      </c>
    </row>
    <row r="26" spans="1:17" s="132" customFormat="1" ht="21.9" customHeight="1" x14ac:dyDescent="0.2">
      <c r="A26" s="200">
        <v>21</v>
      </c>
      <c r="B26" s="203" t="s">
        <v>179</v>
      </c>
      <c r="C26" s="120">
        <v>597</v>
      </c>
      <c r="D26" s="120">
        <v>2664</v>
      </c>
      <c r="E26" s="120">
        <v>30</v>
      </c>
      <c r="F26" s="120">
        <v>92</v>
      </c>
      <c r="G26" s="120">
        <v>0</v>
      </c>
      <c r="H26" s="120">
        <v>530</v>
      </c>
      <c r="I26" s="120">
        <v>3913</v>
      </c>
      <c r="J26" s="121">
        <v>791</v>
      </c>
      <c r="K26" s="120">
        <v>2200</v>
      </c>
      <c r="L26" s="120">
        <v>56</v>
      </c>
      <c r="M26" s="120">
        <v>127</v>
      </c>
      <c r="N26" s="120">
        <v>771</v>
      </c>
      <c r="O26" s="120">
        <v>289</v>
      </c>
      <c r="P26" s="119">
        <v>4234</v>
      </c>
      <c r="Q26" s="204">
        <v>-321</v>
      </c>
    </row>
    <row r="27" spans="1:17" s="132" customFormat="1" ht="21.9" customHeight="1" x14ac:dyDescent="0.2">
      <c r="A27" s="200">
        <v>22</v>
      </c>
      <c r="B27" s="203" t="s">
        <v>178</v>
      </c>
      <c r="C27" s="120">
        <v>245</v>
      </c>
      <c r="D27" s="120">
        <v>881</v>
      </c>
      <c r="E27" s="120">
        <v>7</v>
      </c>
      <c r="F27" s="120">
        <v>11</v>
      </c>
      <c r="G27" s="120">
        <v>0</v>
      </c>
      <c r="H27" s="120">
        <v>112</v>
      </c>
      <c r="I27" s="120">
        <v>1256</v>
      </c>
      <c r="J27" s="121">
        <v>209</v>
      </c>
      <c r="K27" s="120">
        <v>629</v>
      </c>
      <c r="L27" s="120">
        <v>21</v>
      </c>
      <c r="M27" s="120">
        <v>61</v>
      </c>
      <c r="N27" s="120">
        <v>339</v>
      </c>
      <c r="O27" s="120">
        <v>122</v>
      </c>
      <c r="P27" s="119">
        <v>1381</v>
      </c>
      <c r="Q27" s="204">
        <v>-125</v>
      </c>
    </row>
    <row r="28" spans="1:17" s="132" customFormat="1" ht="21.9" customHeight="1" x14ac:dyDescent="0.2">
      <c r="A28" s="200">
        <v>23</v>
      </c>
      <c r="B28" s="198" t="s">
        <v>177</v>
      </c>
      <c r="C28" s="114">
        <v>199</v>
      </c>
      <c r="D28" s="114">
        <v>813</v>
      </c>
      <c r="E28" s="114">
        <v>2</v>
      </c>
      <c r="F28" s="114">
        <v>17</v>
      </c>
      <c r="G28" s="114">
        <v>0</v>
      </c>
      <c r="H28" s="114">
        <v>13</v>
      </c>
      <c r="I28" s="114">
        <v>1044</v>
      </c>
      <c r="J28" s="115">
        <v>205</v>
      </c>
      <c r="K28" s="114">
        <v>594</v>
      </c>
      <c r="L28" s="114">
        <v>9</v>
      </c>
      <c r="M28" s="114">
        <v>56</v>
      </c>
      <c r="N28" s="114">
        <v>290</v>
      </c>
      <c r="O28" s="114">
        <v>31</v>
      </c>
      <c r="P28" s="113">
        <v>1185</v>
      </c>
      <c r="Q28" s="199">
        <v>-141</v>
      </c>
    </row>
    <row r="29" spans="1:17" s="132" customFormat="1" ht="21.9" customHeight="1" x14ac:dyDescent="0.2">
      <c r="A29" s="197">
        <v>24</v>
      </c>
      <c r="B29" s="198" t="s">
        <v>176</v>
      </c>
      <c r="C29" s="114">
        <v>79</v>
      </c>
      <c r="D29" s="114">
        <v>246</v>
      </c>
      <c r="E29" s="114">
        <v>2</v>
      </c>
      <c r="F29" s="114">
        <v>2</v>
      </c>
      <c r="G29" s="114">
        <v>0</v>
      </c>
      <c r="H29" s="114">
        <v>5</v>
      </c>
      <c r="I29" s="114">
        <v>334</v>
      </c>
      <c r="J29" s="115">
        <v>61</v>
      </c>
      <c r="K29" s="114">
        <v>170</v>
      </c>
      <c r="L29" s="114">
        <v>9</v>
      </c>
      <c r="M29" s="114">
        <v>20</v>
      </c>
      <c r="N29" s="114">
        <v>85</v>
      </c>
      <c r="O29" s="114">
        <v>14</v>
      </c>
      <c r="P29" s="113">
        <v>359</v>
      </c>
      <c r="Q29" s="199">
        <v>-25</v>
      </c>
    </row>
    <row r="30" spans="1:17" s="132" customFormat="1" ht="21.9" customHeight="1" x14ac:dyDescent="0.2">
      <c r="A30" s="197">
        <v>25</v>
      </c>
      <c r="B30" s="198" t="s">
        <v>175</v>
      </c>
      <c r="C30" s="114">
        <v>147</v>
      </c>
      <c r="D30" s="114">
        <v>594</v>
      </c>
      <c r="E30" s="114">
        <v>13</v>
      </c>
      <c r="F30" s="114">
        <v>10</v>
      </c>
      <c r="G30" s="114">
        <v>0</v>
      </c>
      <c r="H30" s="114">
        <v>23</v>
      </c>
      <c r="I30" s="114">
        <v>787</v>
      </c>
      <c r="J30" s="115">
        <v>103</v>
      </c>
      <c r="K30" s="114">
        <v>388</v>
      </c>
      <c r="L30" s="114">
        <v>5</v>
      </c>
      <c r="M30" s="114">
        <v>29</v>
      </c>
      <c r="N30" s="114">
        <v>146</v>
      </c>
      <c r="O30" s="114">
        <v>31</v>
      </c>
      <c r="P30" s="113">
        <v>702</v>
      </c>
      <c r="Q30" s="199">
        <v>85</v>
      </c>
    </row>
    <row r="31" spans="1:17" s="132" customFormat="1" ht="21.9" customHeight="1" x14ac:dyDescent="0.2">
      <c r="A31" s="197">
        <v>26</v>
      </c>
      <c r="B31" s="198" t="s">
        <v>174</v>
      </c>
      <c r="C31" s="114">
        <v>64</v>
      </c>
      <c r="D31" s="114">
        <v>377</v>
      </c>
      <c r="E31" s="114">
        <v>9</v>
      </c>
      <c r="F31" s="114">
        <v>10</v>
      </c>
      <c r="G31" s="114">
        <v>0</v>
      </c>
      <c r="H31" s="114">
        <v>40</v>
      </c>
      <c r="I31" s="114">
        <v>500</v>
      </c>
      <c r="J31" s="115">
        <v>87</v>
      </c>
      <c r="K31" s="114">
        <v>287</v>
      </c>
      <c r="L31" s="114">
        <v>8</v>
      </c>
      <c r="M31" s="114">
        <v>21</v>
      </c>
      <c r="N31" s="114">
        <v>96</v>
      </c>
      <c r="O31" s="114">
        <v>29</v>
      </c>
      <c r="P31" s="113">
        <v>528</v>
      </c>
      <c r="Q31" s="199">
        <v>-28</v>
      </c>
    </row>
    <row r="32" spans="1:17" s="132" customFormat="1" ht="21.9" customHeight="1" x14ac:dyDescent="0.2">
      <c r="A32" s="197">
        <v>27</v>
      </c>
      <c r="B32" s="198" t="s">
        <v>173</v>
      </c>
      <c r="C32" s="114">
        <v>58</v>
      </c>
      <c r="D32" s="114">
        <v>269</v>
      </c>
      <c r="E32" s="114">
        <v>1</v>
      </c>
      <c r="F32" s="114">
        <v>7</v>
      </c>
      <c r="G32" s="114">
        <v>0</v>
      </c>
      <c r="H32" s="114">
        <v>3</v>
      </c>
      <c r="I32" s="114">
        <v>338</v>
      </c>
      <c r="J32" s="115">
        <v>79</v>
      </c>
      <c r="K32" s="114">
        <v>205</v>
      </c>
      <c r="L32" s="114">
        <v>12</v>
      </c>
      <c r="M32" s="114">
        <v>26</v>
      </c>
      <c r="N32" s="114">
        <v>103</v>
      </c>
      <c r="O32" s="114">
        <v>0</v>
      </c>
      <c r="P32" s="113">
        <v>425</v>
      </c>
      <c r="Q32" s="199">
        <v>-87</v>
      </c>
    </row>
    <row r="33" spans="1:17" s="132" customFormat="1" ht="21.9" customHeight="1" x14ac:dyDescent="0.2">
      <c r="A33" s="197">
        <v>28</v>
      </c>
      <c r="B33" s="198" t="s">
        <v>172</v>
      </c>
      <c r="C33" s="114">
        <v>124</v>
      </c>
      <c r="D33" s="114">
        <v>436</v>
      </c>
      <c r="E33" s="114">
        <v>8</v>
      </c>
      <c r="F33" s="114">
        <v>6</v>
      </c>
      <c r="G33" s="114">
        <v>0</v>
      </c>
      <c r="H33" s="114">
        <v>11</v>
      </c>
      <c r="I33" s="114">
        <v>585</v>
      </c>
      <c r="J33" s="115">
        <v>85</v>
      </c>
      <c r="K33" s="114">
        <v>326</v>
      </c>
      <c r="L33" s="114">
        <v>12</v>
      </c>
      <c r="M33" s="114">
        <v>38</v>
      </c>
      <c r="N33" s="114">
        <v>137</v>
      </c>
      <c r="O33" s="114">
        <v>18</v>
      </c>
      <c r="P33" s="113">
        <v>616</v>
      </c>
      <c r="Q33" s="199">
        <v>-31</v>
      </c>
    </row>
    <row r="34" spans="1:17" s="132" customFormat="1" ht="21.9" customHeight="1" x14ac:dyDescent="0.2">
      <c r="A34" s="197">
        <v>29</v>
      </c>
      <c r="B34" s="198" t="s">
        <v>171</v>
      </c>
      <c r="C34" s="114">
        <v>324</v>
      </c>
      <c r="D34" s="114">
        <v>331</v>
      </c>
      <c r="E34" s="114">
        <v>10</v>
      </c>
      <c r="F34" s="114">
        <v>5</v>
      </c>
      <c r="G34" s="114">
        <v>0</v>
      </c>
      <c r="H34" s="114">
        <v>93</v>
      </c>
      <c r="I34" s="114">
        <v>763</v>
      </c>
      <c r="J34" s="115">
        <v>291</v>
      </c>
      <c r="K34" s="114">
        <v>360</v>
      </c>
      <c r="L34" s="114">
        <v>23</v>
      </c>
      <c r="M34" s="114">
        <v>23</v>
      </c>
      <c r="N34" s="114">
        <v>124</v>
      </c>
      <c r="O34" s="114">
        <v>60</v>
      </c>
      <c r="P34" s="113">
        <v>881</v>
      </c>
      <c r="Q34" s="199">
        <v>-118</v>
      </c>
    </row>
    <row r="35" spans="1:17" s="132" customFormat="1" ht="21.9" customHeight="1" x14ac:dyDescent="0.2">
      <c r="A35" s="197">
        <v>30</v>
      </c>
      <c r="B35" s="198" t="s">
        <v>170</v>
      </c>
      <c r="C35" s="114">
        <v>70</v>
      </c>
      <c r="D35" s="114">
        <v>224</v>
      </c>
      <c r="E35" s="114">
        <v>12</v>
      </c>
      <c r="F35" s="114">
        <v>4</v>
      </c>
      <c r="G35" s="114">
        <v>0</v>
      </c>
      <c r="H35" s="114">
        <v>3</v>
      </c>
      <c r="I35" s="114">
        <v>313</v>
      </c>
      <c r="J35" s="115">
        <v>46</v>
      </c>
      <c r="K35" s="114">
        <v>155</v>
      </c>
      <c r="L35" s="114">
        <v>16</v>
      </c>
      <c r="M35" s="114">
        <v>13</v>
      </c>
      <c r="N35" s="114">
        <v>84</v>
      </c>
      <c r="O35" s="114">
        <v>12</v>
      </c>
      <c r="P35" s="113">
        <v>326</v>
      </c>
      <c r="Q35" s="199">
        <v>-13</v>
      </c>
    </row>
    <row r="36" spans="1:17" s="132" customFormat="1" ht="21.9" customHeight="1" x14ac:dyDescent="0.2">
      <c r="A36" s="197">
        <v>31</v>
      </c>
      <c r="B36" s="198" t="s">
        <v>169</v>
      </c>
      <c r="C36" s="114">
        <v>292</v>
      </c>
      <c r="D36" s="114">
        <v>671</v>
      </c>
      <c r="E36" s="114">
        <v>17</v>
      </c>
      <c r="F36" s="114">
        <v>7</v>
      </c>
      <c r="G36" s="114">
        <v>0</v>
      </c>
      <c r="H36" s="114">
        <v>21</v>
      </c>
      <c r="I36" s="114">
        <v>1008</v>
      </c>
      <c r="J36" s="115">
        <v>224</v>
      </c>
      <c r="K36" s="114">
        <v>632</v>
      </c>
      <c r="L36" s="114">
        <v>43</v>
      </c>
      <c r="M36" s="114">
        <v>46</v>
      </c>
      <c r="N36" s="114">
        <v>291</v>
      </c>
      <c r="O36" s="114">
        <v>31</v>
      </c>
      <c r="P36" s="113">
        <v>1267</v>
      </c>
      <c r="Q36" s="199">
        <v>-259</v>
      </c>
    </row>
    <row r="37" spans="1:17" s="132" customFormat="1" ht="21.9" customHeight="1" x14ac:dyDescent="0.2">
      <c r="A37" s="197">
        <v>32</v>
      </c>
      <c r="B37" s="198" t="s">
        <v>168</v>
      </c>
      <c r="C37" s="114">
        <v>529</v>
      </c>
      <c r="D37" s="114">
        <v>1493</v>
      </c>
      <c r="E37" s="114">
        <v>33</v>
      </c>
      <c r="F37" s="114">
        <v>32</v>
      </c>
      <c r="G37" s="114">
        <v>0</v>
      </c>
      <c r="H37" s="114">
        <v>42</v>
      </c>
      <c r="I37" s="114">
        <v>2129</v>
      </c>
      <c r="J37" s="115">
        <v>471</v>
      </c>
      <c r="K37" s="114">
        <v>1315</v>
      </c>
      <c r="L37" s="114">
        <v>52</v>
      </c>
      <c r="M37" s="114">
        <v>105</v>
      </c>
      <c r="N37" s="114">
        <v>330</v>
      </c>
      <c r="O37" s="114">
        <v>77</v>
      </c>
      <c r="P37" s="113">
        <v>2350</v>
      </c>
      <c r="Q37" s="199">
        <v>-221</v>
      </c>
    </row>
    <row r="38" spans="1:17" s="132" customFormat="1" ht="21.9" customHeight="1" thickBot="1" x14ac:dyDescent="0.25">
      <c r="A38" s="197">
        <v>33</v>
      </c>
      <c r="B38" s="198" t="s">
        <v>167</v>
      </c>
      <c r="C38" s="114">
        <v>39</v>
      </c>
      <c r="D38" s="114">
        <v>75</v>
      </c>
      <c r="E38" s="114">
        <v>4</v>
      </c>
      <c r="F38" s="114">
        <v>3</v>
      </c>
      <c r="G38" s="114">
        <v>0</v>
      </c>
      <c r="H38" s="114">
        <v>3</v>
      </c>
      <c r="I38" s="114">
        <v>124</v>
      </c>
      <c r="J38" s="115">
        <v>28</v>
      </c>
      <c r="K38" s="114">
        <v>42</v>
      </c>
      <c r="L38" s="114">
        <v>2</v>
      </c>
      <c r="M38" s="114">
        <v>3</v>
      </c>
      <c r="N38" s="114">
        <v>34</v>
      </c>
      <c r="O38" s="114">
        <v>3</v>
      </c>
      <c r="P38" s="113">
        <v>112</v>
      </c>
      <c r="Q38" s="199">
        <v>12</v>
      </c>
    </row>
    <row r="39" spans="1:17" s="132" customFormat="1" ht="21.9" customHeight="1" thickTop="1" thickBot="1" x14ac:dyDescent="0.25">
      <c r="A39" s="272" t="s">
        <v>81</v>
      </c>
      <c r="B39" s="273"/>
      <c r="C39" s="117">
        <v>69373</v>
      </c>
      <c r="D39" s="117">
        <v>254817</v>
      </c>
      <c r="E39" s="117">
        <v>5322</v>
      </c>
      <c r="F39" s="117">
        <v>5304</v>
      </c>
      <c r="G39" s="117">
        <v>141</v>
      </c>
      <c r="H39" s="117">
        <v>34930</v>
      </c>
      <c r="I39" s="117">
        <v>369887</v>
      </c>
      <c r="J39" s="118">
        <v>64849</v>
      </c>
      <c r="K39" s="117">
        <v>201789</v>
      </c>
      <c r="L39" s="117">
        <v>10602</v>
      </c>
      <c r="M39" s="117">
        <v>12005</v>
      </c>
      <c r="N39" s="117">
        <v>66148</v>
      </c>
      <c r="O39" s="117">
        <v>26585</v>
      </c>
      <c r="P39" s="116">
        <v>381978</v>
      </c>
      <c r="Q39" s="205">
        <v>-12091</v>
      </c>
    </row>
    <row r="40" spans="1:17" s="132" customFormat="1" ht="21.9" customHeight="1" thickTop="1" x14ac:dyDescent="0.2">
      <c r="A40" s="206">
        <v>301</v>
      </c>
      <c r="B40" s="207" t="s">
        <v>166</v>
      </c>
      <c r="C40" s="114">
        <v>0</v>
      </c>
      <c r="D40" s="114">
        <v>558</v>
      </c>
      <c r="E40" s="114">
        <v>0</v>
      </c>
      <c r="F40" s="114">
        <v>27</v>
      </c>
      <c r="G40" s="114">
        <v>0</v>
      </c>
      <c r="H40" s="114">
        <v>509</v>
      </c>
      <c r="I40" s="114">
        <v>1094</v>
      </c>
      <c r="J40" s="115">
        <v>0</v>
      </c>
      <c r="K40" s="114">
        <v>368</v>
      </c>
      <c r="L40" s="114">
        <v>0</v>
      </c>
      <c r="M40" s="114">
        <v>15</v>
      </c>
      <c r="N40" s="114">
        <v>88</v>
      </c>
      <c r="O40" s="114">
        <v>813</v>
      </c>
      <c r="P40" s="113">
        <v>1284</v>
      </c>
      <c r="Q40" s="199">
        <v>-190</v>
      </c>
    </row>
    <row r="41" spans="1:17" s="132" customFormat="1" ht="21.9" customHeight="1" x14ac:dyDescent="0.2">
      <c r="A41" s="206">
        <v>302</v>
      </c>
      <c r="B41" s="207" t="s">
        <v>165</v>
      </c>
      <c r="C41" s="114">
        <v>0</v>
      </c>
      <c r="D41" s="114">
        <v>108</v>
      </c>
      <c r="E41" s="114">
        <v>0</v>
      </c>
      <c r="F41" s="114">
        <v>81</v>
      </c>
      <c r="G41" s="114">
        <v>0</v>
      </c>
      <c r="H41" s="114">
        <v>2320</v>
      </c>
      <c r="I41" s="114">
        <v>2509</v>
      </c>
      <c r="J41" s="115">
        <v>0</v>
      </c>
      <c r="K41" s="114">
        <v>318</v>
      </c>
      <c r="L41" s="114">
        <v>0</v>
      </c>
      <c r="M41" s="114">
        <v>27</v>
      </c>
      <c r="N41" s="114">
        <v>63</v>
      </c>
      <c r="O41" s="114">
        <v>2134</v>
      </c>
      <c r="P41" s="113">
        <v>2542</v>
      </c>
      <c r="Q41" s="199">
        <v>-33</v>
      </c>
    </row>
    <row r="42" spans="1:17" s="132" customFormat="1" ht="21.9" customHeight="1" x14ac:dyDescent="0.2">
      <c r="A42" s="206">
        <v>303</v>
      </c>
      <c r="B42" s="207" t="s">
        <v>164</v>
      </c>
      <c r="C42" s="114">
        <v>0</v>
      </c>
      <c r="D42" s="114">
        <v>617</v>
      </c>
      <c r="E42" s="114">
        <v>0</v>
      </c>
      <c r="F42" s="114">
        <v>58</v>
      </c>
      <c r="G42" s="114">
        <v>0</v>
      </c>
      <c r="H42" s="114">
        <v>542</v>
      </c>
      <c r="I42" s="114">
        <v>1217</v>
      </c>
      <c r="J42" s="115">
        <v>0</v>
      </c>
      <c r="K42" s="114">
        <v>418</v>
      </c>
      <c r="L42" s="114">
        <v>4</v>
      </c>
      <c r="M42" s="114">
        <v>36</v>
      </c>
      <c r="N42" s="114">
        <v>177</v>
      </c>
      <c r="O42" s="114">
        <v>1244</v>
      </c>
      <c r="P42" s="113">
        <v>1879</v>
      </c>
      <c r="Q42" s="199">
        <v>-662</v>
      </c>
    </row>
    <row r="43" spans="1:17" s="132" customFormat="1" ht="21.9" customHeight="1" x14ac:dyDescent="0.2">
      <c r="A43" s="206">
        <v>304</v>
      </c>
      <c r="B43" s="207" t="s">
        <v>163</v>
      </c>
      <c r="C43" s="114">
        <v>0</v>
      </c>
      <c r="D43" s="114">
        <v>276</v>
      </c>
      <c r="E43" s="114">
        <v>0</v>
      </c>
      <c r="F43" s="114">
        <v>18</v>
      </c>
      <c r="G43" s="114">
        <v>0</v>
      </c>
      <c r="H43" s="114">
        <v>104</v>
      </c>
      <c r="I43" s="114">
        <v>398</v>
      </c>
      <c r="J43" s="115">
        <v>0</v>
      </c>
      <c r="K43" s="114">
        <v>71</v>
      </c>
      <c r="L43" s="114">
        <v>0</v>
      </c>
      <c r="M43" s="114">
        <v>8</v>
      </c>
      <c r="N43" s="114">
        <v>17</v>
      </c>
      <c r="O43" s="114">
        <v>421</v>
      </c>
      <c r="P43" s="113">
        <v>517</v>
      </c>
      <c r="Q43" s="199">
        <v>-119</v>
      </c>
    </row>
    <row r="44" spans="1:17" s="132" customFormat="1" ht="21.9" customHeight="1" x14ac:dyDescent="0.2">
      <c r="A44" s="206">
        <v>305</v>
      </c>
      <c r="B44" s="207" t="s">
        <v>162</v>
      </c>
      <c r="C44" s="114">
        <v>0</v>
      </c>
      <c r="D44" s="114">
        <v>71</v>
      </c>
      <c r="E44" s="114">
        <v>0</v>
      </c>
      <c r="F44" s="114">
        <v>52</v>
      </c>
      <c r="G44" s="114">
        <v>0</v>
      </c>
      <c r="H44" s="114">
        <v>572</v>
      </c>
      <c r="I44" s="114">
        <v>695</v>
      </c>
      <c r="J44" s="115">
        <v>0</v>
      </c>
      <c r="K44" s="114">
        <v>220</v>
      </c>
      <c r="L44" s="114">
        <v>1</v>
      </c>
      <c r="M44" s="114">
        <v>15</v>
      </c>
      <c r="N44" s="114">
        <v>33</v>
      </c>
      <c r="O44" s="114">
        <v>481</v>
      </c>
      <c r="P44" s="113">
        <v>750</v>
      </c>
      <c r="Q44" s="199">
        <v>-55</v>
      </c>
    </row>
    <row r="45" spans="1:17" s="132" customFormat="1" ht="21.9" customHeight="1" thickBot="1" x14ac:dyDescent="0.25">
      <c r="A45" s="208">
        <v>306</v>
      </c>
      <c r="B45" s="209" t="s">
        <v>71</v>
      </c>
      <c r="C45" s="110">
        <v>0</v>
      </c>
      <c r="D45" s="110">
        <v>1823</v>
      </c>
      <c r="E45" s="110">
        <v>24</v>
      </c>
      <c r="F45" s="110">
        <v>887</v>
      </c>
      <c r="G45" s="110">
        <v>0</v>
      </c>
      <c r="H45" s="110">
        <v>6581</v>
      </c>
      <c r="I45" s="110">
        <v>9315</v>
      </c>
      <c r="J45" s="112">
        <v>0</v>
      </c>
      <c r="K45" s="110">
        <v>2484</v>
      </c>
      <c r="L45" s="110">
        <v>60</v>
      </c>
      <c r="M45" s="110">
        <v>176</v>
      </c>
      <c r="N45" s="110">
        <v>385</v>
      </c>
      <c r="O45" s="110">
        <v>5698</v>
      </c>
      <c r="P45" s="109">
        <v>8803</v>
      </c>
      <c r="Q45" s="210">
        <v>512</v>
      </c>
    </row>
    <row r="46" spans="1:17" s="132" customFormat="1" ht="21.9" customHeight="1" thickTop="1" thickBot="1" x14ac:dyDescent="0.25">
      <c r="A46" s="272" t="s">
        <v>161</v>
      </c>
      <c r="B46" s="273"/>
      <c r="C46" s="110">
        <v>0</v>
      </c>
      <c r="D46" s="110">
        <v>3453</v>
      </c>
      <c r="E46" s="110">
        <v>24</v>
      </c>
      <c r="F46" s="110">
        <v>1123</v>
      </c>
      <c r="G46" s="110">
        <v>0</v>
      </c>
      <c r="H46" s="110">
        <v>10628</v>
      </c>
      <c r="I46" s="110">
        <v>15228</v>
      </c>
      <c r="J46" s="111">
        <v>0</v>
      </c>
      <c r="K46" s="110">
        <v>3879</v>
      </c>
      <c r="L46" s="110">
        <v>65</v>
      </c>
      <c r="M46" s="110">
        <v>277</v>
      </c>
      <c r="N46" s="110">
        <v>763</v>
      </c>
      <c r="O46" s="110">
        <v>10791</v>
      </c>
      <c r="P46" s="109">
        <v>15775</v>
      </c>
      <c r="Q46" s="210">
        <v>-547</v>
      </c>
    </row>
    <row r="47" spans="1:17" s="132" customFormat="1" ht="21.9" customHeight="1" thickTop="1" thickBot="1" x14ac:dyDescent="0.25">
      <c r="A47" s="274" t="s">
        <v>160</v>
      </c>
      <c r="B47" s="275"/>
      <c r="C47" s="211">
        <v>69373</v>
      </c>
      <c r="D47" s="211">
        <v>258270</v>
      </c>
      <c r="E47" s="211">
        <v>5346</v>
      </c>
      <c r="F47" s="211">
        <v>6427</v>
      </c>
      <c r="G47" s="211">
        <v>141</v>
      </c>
      <c r="H47" s="211">
        <v>45558</v>
      </c>
      <c r="I47" s="211">
        <v>385115</v>
      </c>
      <c r="J47" s="212">
        <v>64849</v>
      </c>
      <c r="K47" s="211">
        <v>205668</v>
      </c>
      <c r="L47" s="211">
        <v>10667</v>
      </c>
      <c r="M47" s="211">
        <v>12282</v>
      </c>
      <c r="N47" s="211">
        <v>66911</v>
      </c>
      <c r="O47" s="211">
        <v>37376</v>
      </c>
      <c r="P47" s="211">
        <v>397753</v>
      </c>
      <c r="Q47" s="213">
        <v>-12638</v>
      </c>
    </row>
    <row r="48" spans="1:17" ht="16.5" customHeight="1" x14ac:dyDescent="0.15"/>
    <row r="50" spans="2:2" x14ac:dyDescent="0.15">
      <c r="B50" s="216"/>
    </row>
  </sheetData>
  <mergeCells count="7">
    <mergeCell ref="A39:B39"/>
    <mergeCell ref="A46:B46"/>
    <mergeCell ref="A47:B47"/>
    <mergeCell ref="Q3:Q5"/>
    <mergeCell ref="A3:B5"/>
    <mergeCell ref="C3:I4"/>
    <mergeCell ref="J3:P4"/>
  </mergeCells>
  <phoneticPr fontId="2"/>
  <printOptions horizontalCentered="1"/>
  <pageMargins left="0.59055118110236227" right="0.59055118110236227" top="0.59055118110236227" bottom="0.59055118110236227" header="0.51181102362204722" footer="0.51181102362204722"/>
  <pageSetup paperSize="9" scale="72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第1表</vt:lpstr>
      <vt:lpstr>第２～４表</vt:lpstr>
      <vt:lpstr>第5表</vt:lpstr>
      <vt:lpstr>第1表!Print_Area</vt:lpstr>
      <vt:lpstr>'第２～４表'!Print_Area</vt:lpstr>
      <vt:lpstr>第5表!Print_Area</vt:lpstr>
      <vt:lpstr>第5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anase</dc:creator>
  <cp:lastModifiedBy>user</cp:lastModifiedBy>
  <cp:lastPrinted>2022-06-28T07:45:18Z</cp:lastPrinted>
  <dcterms:created xsi:type="dcterms:W3CDTF">2001-02-23T09:08:43Z</dcterms:created>
  <dcterms:modified xsi:type="dcterms:W3CDTF">2022-07-21T06:21:01Z</dcterms:modified>
</cp:coreProperties>
</file>